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AD47419" w14:textId="77777777" w:rsidR="00D6057F" w:rsidRDefault="006E4035">
      <w:pPr>
        <w:spacing w:before="56" w:after="0" w:line="240" w:lineRule="auto"/>
        <w:ind w:left="2961" w:right="3152"/>
        <w:jc w:val="center"/>
        <w:rPr>
          <w:rFonts w:ascii="Times New Roman" w:eastAsia="Times New Roman" w:hAnsi="Times New Roman" w:cs="Times New Roman"/>
          <w:sz w:val="28"/>
          <w:szCs w:val="28"/>
        </w:rPr>
      </w:pP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t>UNITED</w:t>
      </w:r>
      <w:r>
        <w:rPr>
          <w:rFonts w:ascii="Times New Roman" w:eastAsia="Times New Roman" w:hAnsi="Times New Roman" w:cs="Times New Roman"/>
          <w:b/>
          <w:bCs/>
          <w:spacing w:val="-11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t>STATES</w:t>
      </w:r>
      <w:r>
        <w:rPr>
          <w:rFonts w:ascii="Times New Roman" w:eastAsia="Times New Roman" w:hAnsi="Times New Roman" w:cs="Times New Roman"/>
          <w:b/>
          <w:bCs/>
          <w:spacing w:val="-11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t>DISTRICT</w:t>
      </w:r>
      <w:r>
        <w:rPr>
          <w:rFonts w:ascii="Times New Roman" w:eastAsia="Times New Roman" w:hAnsi="Times New Roman" w:cs="Times New Roman"/>
          <w:b/>
          <w:bCs/>
          <w:spacing w:val="-14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w w:val="99"/>
          <w:sz w:val="28"/>
          <w:szCs w:val="28"/>
        </w:rPr>
        <w:t>COURT</w:t>
      </w:r>
    </w:p>
    <w:p w14:paraId="0376B821" w14:textId="77777777" w:rsidR="00D6057F" w:rsidRDefault="006E4035">
      <w:pPr>
        <w:spacing w:before="4" w:after="0" w:line="271" w:lineRule="exact"/>
        <w:ind w:left="3816" w:right="4007"/>
        <w:jc w:val="center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position w:val="-1"/>
          <w:sz w:val="24"/>
          <w:szCs w:val="24"/>
        </w:rPr>
        <w:t>DISTRICT OF DELAWARE</w:t>
      </w:r>
    </w:p>
    <w:p w14:paraId="7C8283AE" w14:textId="77777777" w:rsidR="00D6057F" w:rsidRDefault="00D6057F">
      <w:pPr>
        <w:spacing w:before="1" w:after="0" w:line="140" w:lineRule="exact"/>
        <w:rPr>
          <w:sz w:val="14"/>
          <w:szCs w:val="14"/>
        </w:rPr>
      </w:pPr>
    </w:p>
    <w:p w14:paraId="3602A52B" w14:textId="77777777" w:rsidR="00D6057F" w:rsidRDefault="00D6057F">
      <w:pPr>
        <w:spacing w:after="0"/>
        <w:sectPr w:rsidR="00D6057F">
          <w:headerReference w:type="even" r:id="rId6"/>
          <w:headerReference w:type="default" r:id="rId7"/>
          <w:footerReference w:type="even" r:id="rId8"/>
          <w:footerReference w:type="default" r:id="rId9"/>
          <w:headerReference w:type="first" r:id="rId10"/>
          <w:footerReference w:type="first" r:id="rId11"/>
          <w:type w:val="continuous"/>
          <w:pgSz w:w="12240" w:h="15840"/>
          <w:pgMar w:top="1240" w:right="500" w:bottom="280" w:left="800" w:header="720" w:footer="720" w:gutter="0"/>
          <w:cols w:space="720"/>
        </w:sectPr>
      </w:pPr>
    </w:p>
    <w:p w14:paraId="1E873F4F" w14:textId="77777777" w:rsidR="00D6057F" w:rsidRDefault="006E4035">
      <w:pPr>
        <w:spacing w:before="44" w:after="0" w:line="369" w:lineRule="auto"/>
        <w:ind w:left="90" w:right="-30" w:firstLine="4"/>
        <w:jc w:val="center"/>
        <w:rPr>
          <w:rFonts w:ascii="Times New Roman" w:eastAsia="Times New Roman" w:hAnsi="Times New Roman" w:cs="Times New Roman"/>
          <w:sz w:val="12"/>
          <w:szCs w:val="12"/>
        </w:rPr>
      </w:pP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CHAMBERS OF CHRISTO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P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HER J. BUR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K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E U. S. MA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G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ISTRATE JUD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G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E</w:t>
      </w:r>
    </w:p>
    <w:p w14:paraId="459487A0" w14:textId="77777777" w:rsidR="00D6057F" w:rsidRDefault="006E4035">
      <w:pPr>
        <w:spacing w:before="44" w:after="0" w:line="240" w:lineRule="auto"/>
        <w:ind w:left="717" w:right="801"/>
        <w:jc w:val="center"/>
        <w:rPr>
          <w:rFonts w:ascii="Times New Roman" w:eastAsia="Times New Roman" w:hAnsi="Times New Roman" w:cs="Times New Roman"/>
          <w:sz w:val="12"/>
          <w:szCs w:val="12"/>
        </w:rPr>
      </w:pPr>
      <w:r>
        <w:br w:type="column"/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UNIT 28</w:t>
      </w:r>
    </w:p>
    <w:p w14:paraId="6E23DB5D" w14:textId="77777777" w:rsidR="00D6057F" w:rsidRDefault="006E4035">
      <w:pPr>
        <w:spacing w:before="74" w:after="0" w:line="369" w:lineRule="auto"/>
        <w:ind w:left="-10" w:right="74"/>
        <w:jc w:val="center"/>
        <w:rPr>
          <w:rFonts w:ascii="Times New Roman" w:eastAsia="Times New Roman" w:hAnsi="Times New Roman" w:cs="Times New Roman"/>
          <w:sz w:val="12"/>
          <w:szCs w:val="12"/>
        </w:rPr>
      </w:pP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 xml:space="preserve">844 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K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ING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STREET U.S. COURTHOUSE WILMIN</w:t>
      </w:r>
      <w:r>
        <w:rPr>
          <w:rFonts w:ascii="Times New Roman" w:eastAsia="Times New Roman" w:hAnsi="Times New Roman" w:cs="Times New Roman"/>
          <w:b/>
          <w:bCs/>
          <w:spacing w:val="-1"/>
          <w:sz w:val="12"/>
          <w:szCs w:val="12"/>
        </w:rPr>
        <w:t>G</w:t>
      </w: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TON, DELAWARE 19801</w:t>
      </w:r>
    </w:p>
    <w:p w14:paraId="70A3819B" w14:textId="77777777" w:rsidR="00D6057F" w:rsidRDefault="006E4035">
      <w:pPr>
        <w:spacing w:before="16" w:after="0" w:line="135" w:lineRule="exact"/>
        <w:ind w:left="567" w:right="652"/>
        <w:jc w:val="center"/>
        <w:rPr>
          <w:rFonts w:ascii="Times New Roman" w:eastAsia="Times New Roman" w:hAnsi="Times New Roman" w:cs="Times New Roman"/>
          <w:sz w:val="12"/>
          <w:szCs w:val="12"/>
        </w:rPr>
      </w:pPr>
      <w:r>
        <w:rPr>
          <w:rFonts w:ascii="Times New Roman" w:eastAsia="Times New Roman" w:hAnsi="Times New Roman" w:cs="Times New Roman"/>
          <w:b/>
          <w:bCs/>
          <w:sz w:val="12"/>
          <w:szCs w:val="12"/>
        </w:rPr>
        <w:t>(302) 573-4591</w:t>
      </w:r>
    </w:p>
    <w:p w14:paraId="4BB01D34" w14:textId="77777777" w:rsidR="00D6057F" w:rsidRDefault="00D6057F">
      <w:pPr>
        <w:spacing w:after="0"/>
        <w:jc w:val="center"/>
        <w:sectPr w:rsidR="00D6057F">
          <w:type w:val="continuous"/>
          <w:pgSz w:w="12240" w:h="15840"/>
          <w:pgMar w:top="1240" w:right="500" w:bottom="280" w:left="800" w:header="720" w:footer="720" w:gutter="0"/>
          <w:cols w:num="2" w:space="720" w:equalWidth="0">
            <w:col w:w="1628" w:space="7265"/>
            <w:col w:w="2047"/>
          </w:cols>
        </w:sectPr>
      </w:pPr>
    </w:p>
    <w:p w14:paraId="3E5D4482" w14:textId="77777777" w:rsidR="00D6057F" w:rsidRDefault="00D6057F">
      <w:pPr>
        <w:spacing w:before="5" w:after="0" w:line="170" w:lineRule="exact"/>
        <w:rPr>
          <w:sz w:val="17"/>
          <w:szCs w:val="17"/>
        </w:rPr>
      </w:pPr>
    </w:p>
    <w:p w14:paraId="1B1A094B" w14:textId="77777777" w:rsidR="00D6057F" w:rsidRDefault="00D6057F">
      <w:pPr>
        <w:spacing w:after="0" w:line="200" w:lineRule="exact"/>
        <w:rPr>
          <w:sz w:val="20"/>
          <w:szCs w:val="20"/>
        </w:rPr>
      </w:pPr>
    </w:p>
    <w:p w14:paraId="50E34275" w14:textId="77777777" w:rsidR="00D6057F" w:rsidRDefault="00D6057F">
      <w:pPr>
        <w:spacing w:after="0" w:line="200" w:lineRule="exact"/>
        <w:rPr>
          <w:sz w:val="20"/>
          <w:szCs w:val="20"/>
        </w:rPr>
      </w:pPr>
    </w:p>
    <w:p w14:paraId="66DF9E76" w14:textId="77777777" w:rsidR="00D6057F" w:rsidRDefault="006E4035">
      <w:pPr>
        <w:spacing w:before="29" w:after="0" w:line="240" w:lineRule="auto"/>
        <w:ind w:left="2396" w:right="2677"/>
        <w:jc w:val="center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sz w:val="24"/>
          <w:szCs w:val="24"/>
          <w:u w:val="single" w:color="000000"/>
        </w:rPr>
        <w:t>HIGH</w:t>
      </w:r>
      <w:r>
        <w:rPr>
          <w:rFonts w:ascii="Times New Roman" w:eastAsia="Times New Roman" w:hAnsi="Times New Roman" w:cs="Times New Roman"/>
          <w:b/>
          <w:bCs/>
          <w:spacing w:val="-1"/>
          <w:sz w:val="24"/>
          <w:szCs w:val="24"/>
          <w:u w:val="single" w:color="000000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4"/>
          <w:szCs w:val="24"/>
          <w:u w:val="single" w:color="000000"/>
        </w:rPr>
        <w:t>SCHOOL</w:t>
      </w:r>
      <w:r>
        <w:rPr>
          <w:rFonts w:ascii="Times New Roman" w:eastAsia="Times New Roman" w:hAnsi="Times New Roman" w:cs="Times New Roman"/>
          <w:b/>
          <w:bCs/>
          <w:spacing w:val="-1"/>
          <w:sz w:val="24"/>
          <w:szCs w:val="24"/>
          <w:u w:val="single" w:color="000000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4"/>
          <w:szCs w:val="24"/>
          <w:u w:val="single" w:color="000000"/>
        </w:rPr>
        <w:t>SUMMER</w:t>
      </w:r>
      <w:r>
        <w:rPr>
          <w:rFonts w:ascii="Times New Roman" w:eastAsia="Times New Roman" w:hAnsi="Times New Roman" w:cs="Times New Roman"/>
          <w:b/>
          <w:bCs/>
          <w:spacing w:val="-1"/>
          <w:sz w:val="24"/>
          <w:szCs w:val="24"/>
          <w:u w:val="single" w:color="000000"/>
        </w:rPr>
        <w:t xml:space="preserve"> FELLOWSHIP </w:t>
      </w:r>
      <w:r>
        <w:rPr>
          <w:rFonts w:ascii="Times New Roman" w:eastAsia="Times New Roman" w:hAnsi="Times New Roman" w:cs="Times New Roman"/>
          <w:b/>
          <w:bCs/>
          <w:sz w:val="24"/>
          <w:szCs w:val="24"/>
          <w:u w:val="single" w:color="000000"/>
        </w:rPr>
        <w:t>PROGRAM</w:t>
      </w:r>
    </w:p>
    <w:p w14:paraId="2BCEFB5F" w14:textId="77777777" w:rsidR="00D6057F" w:rsidRDefault="00D6057F">
      <w:pPr>
        <w:spacing w:before="1" w:after="0" w:line="280" w:lineRule="exact"/>
        <w:rPr>
          <w:sz w:val="28"/>
          <w:szCs w:val="28"/>
        </w:rPr>
      </w:pPr>
    </w:p>
    <w:p w14:paraId="3E8E3192" w14:textId="10AE69BF" w:rsidR="00D6057F" w:rsidRDefault="006E4035" w:rsidP="00BC75E3">
      <w:pPr>
        <w:pStyle w:val="BTFirstIndJ"/>
      </w:pPr>
      <w:r>
        <w:t>The United States District Court for the District of Delaware is pleased to announce that it is accepting applications for its High School Su</w:t>
      </w:r>
      <w:r>
        <w:rPr>
          <w:spacing w:val="-2"/>
        </w:rPr>
        <w:t>mm</w:t>
      </w:r>
      <w:r>
        <w:t>er Fellowship Program</w:t>
      </w:r>
      <w:r>
        <w:rPr>
          <w:spacing w:val="-2"/>
        </w:rPr>
        <w:t xml:space="preserve"> </w:t>
      </w:r>
      <w:r>
        <w:t>for Su</w:t>
      </w:r>
      <w:r>
        <w:rPr>
          <w:spacing w:val="-2"/>
        </w:rPr>
        <w:t>mm</w:t>
      </w:r>
      <w:r>
        <w:t>er 2</w:t>
      </w:r>
      <w:r w:rsidR="00496292">
        <w:t>026</w:t>
      </w:r>
      <w:r>
        <w:t>.</w:t>
      </w:r>
    </w:p>
    <w:p w14:paraId="70108182" w14:textId="7D0E2184" w:rsidR="00D6057F" w:rsidRDefault="006E4035" w:rsidP="00BC75E3">
      <w:pPr>
        <w:pStyle w:val="BTFirstIndJ"/>
      </w:pPr>
      <w:r>
        <w:t>Students accepted into this program</w:t>
      </w:r>
      <w:r>
        <w:rPr>
          <w:spacing w:val="-2"/>
        </w:rPr>
        <w:t xml:space="preserve"> </w:t>
      </w:r>
      <w:r>
        <w:t xml:space="preserve">will work for </w:t>
      </w:r>
      <w:r w:rsidR="009866EF">
        <w:t>four</w:t>
      </w:r>
      <w:r>
        <w:t xml:space="preserve"> weeks, b</w:t>
      </w:r>
      <w:r>
        <w:rPr>
          <w:spacing w:val="-1"/>
        </w:rPr>
        <w:t>e</w:t>
      </w:r>
      <w:r>
        <w:t xml:space="preserve">ginning on </w:t>
      </w:r>
      <w:r w:rsidR="00496292">
        <w:t>July 6</w:t>
      </w:r>
      <w:r>
        <w:t>, 20</w:t>
      </w:r>
      <w:r w:rsidR="00496292">
        <w:t>26</w:t>
      </w:r>
      <w:r>
        <w:t xml:space="preserve"> and ending on </w:t>
      </w:r>
      <w:r w:rsidR="00496292">
        <w:t>July 31</w:t>
      </w:r>
      <w:r>
        <w:t>, 20</w:t>
      </w:r>
      <w:r w:rsidR="00496292">
        <w:t>26</w:t>
      </w:r>
      <w:r>
        <w:t>.  They will work in cha</w:t>
      </w:r>
      <w:r>
        <w:rPr>
          <w:spacing w:val="-2"/>
        </w:rPr>
        <w:t>m</w:t>
      </w:r>
      <w:r>
        <w:t>bers with Judges of the District Court and/or with other federal e</w:t>
      </w:r>
      <w:r>
        <w:rPr>
          <w:spacing w:val="-2"/>
        </w:rPr>
        <w:t>m</w:t>
      </w:r>
      <w:r>
        <w:t xml:space="preserve">ployees who work with the Court.  The fellows will also </w:t>
      </w:r>
      <w:proofErr w:type="gramStart"/>
      <w:r>
        <w:t>have the opportunity to</w:t>
      </w:r>
      <w:proofErr w:type="gramEnd"/>
      <w:r>
        <w:t xml:space="preserve"> observe District Court proceedings</w:t>
      </w:r>
      <w:r w:rsidR="00496292">
        <w:t xml:space="preserve"> and </w:t>
      </w:r>
      <w:r>
        <w:rPr>
          <w:spacing w:val="-2"/>
        </w:rPr>
        <w:t>m</w:t>
      </w:r>
      <w:r>
        <w:t>eet leaders in the Delaware legal system.  The fellows will be paid $</w:t>
      </w:r>
      <w:r w:rsidR="00496292">
        <w:t>40</w:t>
      </w:r>
      <w:r>
        <w:t>0 per week, or $</w:t>
      </w:r>
      <w:r w:rsidR="00496292">
        <w:t>1</w:t>
      </w:r>
      <w:r>
        <w:t>,</w:t>
      </w:r>
      <w:r w:rsidR="00496292">
        <w:t>6</w:t>
      </w:r>
      <w:r>
        <w:t xml:space="preserve">00 for the </w:t>
      </w:r>
      <w:r w:rsidR="00496292">
        <w:t>four</w:t>
      </w:r>
      <w:r>
        <w:t>-week program.</w:t>
      </w:r>
    </w:p>
    <w:p w14:paraId="44453F67" w14:textId="50373EE3" w:rsidR="00D6057F" w:rsidRDefault="006E4035" w:rsidP="00BC75E3">
      <w:pPr>
        <w:pStyle w:val="BTFirstIndJ"/>
      </w:pPr>
      <w:r>
        <w:t>Students who will be juniors or seniors in a New C</w:t>
      </w:r>
      <w:r>
        <w:rPr>
          <w:spacing w:val="1"/>
        </w:rPr>
        <w:t>a</w:t>
      </w:r>
      <w:r>
        <w:t>stle County, Delaware high school in the 20</w:t>
      </w:r>
      <w:r w:rsidR="00041A49">
        <w:t>26</w:t>
      </w:r>
      <w:r>
        <w:t>-20</w:t>
      </w:r>
      <w:r w:rsidR="00041A49">
        <w:t>27</w:t>
      </w:r>
      <w:r>
        <w:t xml:space="preserve"> school year</w:t>
      </w:r>
      <w:r w:rsidR="00041A49">
        <w:t xml:space="preserve"> (current sophomores or juniors), and who are either U.S. Citizens or Green Card holders,</w:t>
      </w:r>
      <w:r>
        <w:t xml:space="preserve"> are eligible to apply</w:t>
      </w:r>
      <w:r>
        <w:rPr>
          <w:spacing w:val="-1"/>
        </w:rPr>
        <w:t xml:space="preserve"> </w:t>
      </w:r>
      <w:r>
        <w:t>to the progra</w:t>
      </w:r>
      <w:r>
        <w:rPr>
          <w:spacing w:val="-2"/>
        </w:rPr>
        <w:t>m</w:t>
      </w:r>
      <w:r>
        <w:t>.  Those interested in applying to the program</w:t>
      </w:r>
      <w:r>
        <w:rPr>
          <w:spacing w:val="-2"/>
        </w:rPr>
        <w:t xml:space="preserve"> </w:t>
      </w:r>
      <w:r>
        <w:t>should sub</w:t>
      </w:r>
      <w:r>
        <w:rPr>
          <w:spacing w:val="-2"/>
        </w:rPr>
        <w:t>m</w:t>
      </w:r>
      <w:r>
        <w:t>it</w:t>
      </w:r>
      <w:r w:rsidR="00584A83">
        <w:t xml:space="preserve"> the following by e-mail:</w:t>
      </w:r>
      <w:r>
        <w:t xml:space="preserve"> (1) the co</w:t>
      </w:r>
      <w:r>
        <w:rPr>
          <w:spacing w:val="-2"/>
        </w:rPr>
        <w:t>m</w:t>
      </w:r>
      <w:r>
        <w:t>pleted applica</w:t>
      </w:r>
      <w:r>
        <w:rPr>
          <w:spacing w:val="-1"/>
        </w:rPr>
        <w:t>t</w:t>
      </w:r>
      <w:r>
        <w:t xml:space="preserve">ion; (2) their school transcript; </w:t>
      </w:r>
      <w:r w:rsidR="00584A83">
        <w:t xml:space="preserve">and </w:t>
      </w:r>
      <w:r>
        <w:t>(3) at least one letter of reco</w:t>
      </w:r>
      <w:r>
        <w:rPr>
          <w:spacing w:val="-2"/>
        </w:rPr>
        <w:t>mm</w:t>
      </w:r>
      <w:r>
        <w:t>endation (though the student may submit more than one) from</w:t>
      </w:r>
      <w:r>
        <w:rPr>
          <w:spacing w:val="-2"/>
        </w:rPr>
        <w:t xml:space="preserve"> </w:t>
      </w:r>
      <w:r>
        <w:rPr>
          <w:spacing w:val="-1"/>
        </w:rPr>
        <w:t>e</w:t>
      </w:r>
      <w:r>
        <w:t>ither a teacher or other counselor at their school</w:t>
      </w:r>
      <w:r w:rsidR="00584A83">
        <w:t xml:space="preserve"> </w:t>
      </w:r>
      <w:r>
        <w:t>to</w:t>
      </w:r>
      <w:r w:rsidR="00584A83">
        <w:t xml:space="preserve"> the individual below</w:t>
      </w:r>
      <w:r>
        <w:t>:</w:t>
      </w:r>
    </w:p>
    <w:tbl>
      <w:tblPr>
        <w:tblStyle w:val="TableGrid"/>
        <w:tblW w:w="0" w:type="auto"/>
        <w:tblInd w:w="640" w:type="dxa"/>
        <w:tblLook w:val="04A0" w:firstRow="1" w:lastRow="0" w:firstColumn="1" w:lastColumn="0" w:noHBand="0" w:noVBand="1"/>
      </w:tblPr>
      <w:tblGrid>
        <w:gridCol w:w="8720"/>
      </w:tblGrid>
      <w:tr w:rsidR="004A2C28" w14:paraId="725E0E20" w14:textId="77777777" w:rsidTr="00BC75E3">
        <w:tc>
          <w:tcPr>
            <w:tcW w:w="8936" w:type="dxa"/>
            <w:tcBorders>
              <w:top w:val="nil"/>
              <w:left w:val="nil"/>
              <w:bottom w:val="nil"/>
              <w:right w:val="nil"/>
            </w:tcBorders>
          </w:tcPr>
          <w:p w14:paraId="2F9E30E7" w14:textId="4220F31B" w:rsidR="00D6057F" w:rsidRDefault="007A004A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Samantha Miller</w:t>
            </w:r>
          </w:p>
          <w:p w14:paraId="62C6E9A1" w14:textId="77777777" w:rsidR="00D6057F" w:rsidRDefault="006E4035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J. Caleb Boggs Federal Building</w:t>
            </w:r>
          </w:p>
          <w:p w14:paraId="03FDABEB" w14:textId="77777777" w:rsidR="00D6057F" w:rsidRDefault="006E4035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844 N. King Street</w:t>
            </w:r>
          </w:p>
          <w:p w14:paraId="35B91576" w14:textId="77777777" w:rsidR="00D6057F" w:rsidRDefault="006E4035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Unit 28, Room 2325</w:t>
            </w:r>
          </w:p>
          <w:p w14:paraId="18792776" w14:textId="77777777" w:rsidR="00D6057F" w:rsidRDefault="006E4035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W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il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ington, DE 19801</w:t>
            </w:r>
          </w:p>
          <w:p w14:paraId="7AEB9A4D" w14:textId="77777777" w:rsidR="00D6057F" w:rsidRDefault="006E4035" w:rsidP="00BC75E3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(302) 573-4591</w:t>
            </w:r>
          </w:p>
          <w:p w14:paraId="3B8B8445" w14:textId="77777777" w:rsidR="00D6057F" w:rsidRDefault="006E4035" w:rsidP="002B17E7">
            <w:pPr>
              <w:spacing w:before="3" w:line="243" w:lineRule="auto"/>
              <w:ind w:left="7990" w:right="-90" w:hanging="8090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HSFP</w:t>
            </w:r>
            <w:r w:rsidRPr="00AC3F78">
              <w:rPr>
                <w:rFonts w:ascii="Times New Roman" w:eastAsia="Times New Roman" w:hAnsi="Times New Roman" w:cs="Times New Roman"/>
                <w:sz w:val="24"/>
                <w:szCs w:val="24"/>
              </w:rPr>
              <w:t>@ded.us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c</w:t>
            </w:r>
            <w:r w:rsidRPr="00AC3F78">
              <w:rPr>
                <w:rFonts w:ascii="Times New Roman" w:eastAsia="Times New Roman" w:hAnsi="Times New Roman" w:cs="Times New Roman"/>
                <w:sz w:val="24"/>
                <w:szCs w:val="24"/>
              </w:rPr>
              <w:t>ourts.gov</w:t>
            </w:r>
          </w:p>
        </w:tc>
      </w:tr>
    </w:tbl>
    <w:p w14:paraId="1D50D145" w14:textId="77777777" w:rsidR="00D6057F" w:rsidRDefault="00D6057F" w:rsidP="00A444A9">
      <w:pPr>
        <w:spacing w:after="0" w:line="243" w:lineRule="auto"/>
        <w:ind w:left="640" w:right="1046" w:firstLine="720"/>
        <w:rPr>
          <w:rFonts w:ascii="Times New Roman" w:eastAsia="Times New Roman" w:hAnsi="Times New Roman" w:cs="Times New Roman"/>
          <w:sz w:val="24"/>
          <w:szCs w:val="24"/>
        </w:rPr>
      </w:pPr>
    </w:p>
    <w:p w14:paraId="4079106B" w14:textId="6F6EFF70" w:rsidR="00D6057F" w:rsidRDefault="006E4035" w:rsidP="00BC75E3">
      <w:pPr>
        <w:pStyle w:val="BTFirstIndJ"/>
      </w:pPr>
      <w:bookmarkStart w:id="0" w:name="_Hlk215841179"/>
      <w:r w:rsidRPr="00BC75E3">
        <w:rPr>
          <w:spacing w:val="-2"/>
        </w:rPr>
        <w:t>Applications</w:t>
      </w:r>
      <w:r>
        <w:t xml:space="preserve"> are due no later than </w:t>
      </w:r>
      <w:r w:rsidR="007A004A">
        <w:rPr>
          <w:b/>
        </w:rPr>
        <w:t>April 1</w:t>
      </w:r>
      <w:r w:rsidRPr="00BC75E3">
        <w:rPr>
          <w:b/>
        </w:rPr>
        <w:t>, 20</w:t>
      </w:r>
      <w:r w:rsidR="007A004A">
        <w:rPr>
          <w:b/>
        </w:rPr>
        <w:t>26</w:t>
      </w:r>
      <w:r>
        <w:t>.</w:t>
      </w:r>
      <w:r w:rsidR="007A004A">
        <w:t xml:space="preserve">  </w:t>
      </w:r>
      <w:r w:rsidR="007A004A" w:rsidRPr="007A004A">
        <w:t>We encourage applicants to submit their complete applications in advance of that date to ensure that all documents have been received and uploaded successfully.</w:t>
      </w:r>
      <w:r>
        <w:t xml:space="preserve">  Applicants</w:t>
      </w:r>
      <w:r w:rsidR="007A004A">
        <w:t xml:space="preserve"> may</w:t>
      </w:r>
      <w:r>
        <w:t xml:space="preserve"> be asked to participate in an interview process before final selection decisions are </w:t>
      </w:r>
      <w:r>
        <w:rPr>
          <w:spacing w:val="-2"/>
        </w:rPr>
        <w:t>m</w:t>
      </w:r>
      <w:r>
        <w:t>ade.</w:t>
      </w:r>
    </w:p>
    <w:bookmarkEnd w:id="0"/>
    <w:p w14:paraId="7F77B63A" w14:textId="77777777" w:rsidR="00D6057F" w:rsidRDefault="00D6057F">
      <w:pPr>
        <w:spacing w:after="0"/>
        <w:sectPr w:rsidR="00D6057F" w:rsidSect="002933FF">
          <w:type w:val="continuous"/>
          <w:pgSz w:w="12240" w:h="15840"/>
          <w:pgMar w:top="1440" w:right="1440" w:bottom="1440" w:left="1440" w:header="720" w:footer="720" w:gutter="0"/>
          <w:cols w:space="720"/>
          <w:docGrid w:linePitch="299"/>
        </w:sectPr>
      </w:pPr>
    </w:p>
    <w:p w14:paraId="2E96DBB6" w14:textId="77777777" w:rsidR="00D6057F" w:rsidRDefault="006E4035" w:rsidP="00A444A9">
      <w:pPr>
        <w:spacing w:before="5" w:after="0" w:line="260" w:lineRule="exact"/>
        <w:jc w:val="center"/>
        <w:rPr>
          <w:rFonts w:ascii="Times New Roman" w:eastAsia="Times New Roman" w:hAnsi="Times New Roman" w:cs="Times New Roman"/>
          <w:sz w:val="28"/>
          <w:szCs w:val="28"/>
        </w:rPr>
      </w:pP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lastRenderedPageBreak/>
        <w:t>UNITED</w:t>
      </w:r>
      <w:r>
        <w:rPr>
          <w:rFonts w:ascii="Times New Roman" w:eastAsia="Times New Roman" w:hAnsi="Times New Roman" w:cs="Times New Roman"/>
          <w:b/>
          <w:bCs/>
          <w:spacing w:val="-11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t>STATES</w:t>
      </w:r>
      <w:r>
        <w:rPr>
          <w:rFonts w:ascii="Times New Roman" w:eastAsia="Times New Roman" w:hAnsi="Times New Roman" w:cs="Times New Roman"/>
          <w:b/>
          <w:bCs/>
          <w:spacing w:val="-11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8"/>
          <w:szCs w:val="28"/>
        </w:rPr>
        <w:t>DISTRICT</w:t>
      </w:r>
      <w:r>
        <w:rPr>
          <w:rFonts w:ascii="Times New Roman" w:eastAsia="Times New Roman" w:hAnsi="Times New Roman" w:cs="Times New Roman"/>
          <w:b/>
          <w:bCs/>
          <w:spacing w:val="-14"/>
          <w:sz w:val="28"/>
          <w:szCs w:val="28"/>
        </w:rPr>
        <w:t xml:space="preserve"> </w:t>
      </w:r>
      <w:r>
        <w:rPr>
          <w:rFonts w:ascii="Times New Roman" w:eastAsia="Times New Roman" w:hAnsi="Times New Roman" w:cs="Times New Roman"/>
          <w:b/>
          <w:bCs/>
          <w:w w:val="99"/>
          <w:sz w:val="28"/>
          <w:szCs w:val="28"/>
        </w:rPr>
        <w:t>COURT</w:t>
      </w:r>
    </w:p>
    <w:p w14:paraId="6C77ACB5" w14:textId="77777777" w:rsidR="00D6057F" w:rsidRDefault="006E4035" w:rsidP="00A444A9">
      <w:pPr>
        <w:spacing w:after="0" w:line="275" w:lineRule="exact"/>
        <w:ind w:left="3949" w:right="3951"/>
        <w:jc w:val="center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DISTR</w:t>
      </w:r>
      <w:r>
        <w:rPr>
          <w:rFonts w:ascii="Times New Roman" w:eastAsia="Times New Roman" w:hAnsi="Times New Roman" w:cs="Times New Roman"/>
          <w:b/>
          <w:bCs/>
          <w:spacing w:val="1"/>
          <w:sz w:val="24"/>
          <w:szCs w:val="24"/>
        </w:rPr>
        <w:t>I</w:t>
      </w: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CT</w:t>
      </w:r>
      <w:r>
        <w:rPr>
          <w:rFonts w:ascii="Times New Roman" w:eastAsia="Times New Roman" w:hAnsi="Times New Roman" w:cs="Times New Roman"/>
          <w:b/>
          <w:bCs/>
          <w:spacing w:val="1"/>
          <w:sz w:val="24"/>
          <w:szCs w:val="24"/>
        </w:rPr>
        <w:t xml:space="preserve"> O</w:t>
      </w: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F</w:t>
      </w:r>
      <w:r>
        <w:rPr>
          <w:rFonts w:ascii="Times New Roman" w:eastAsia="Times New Roman" w:hAnsi="Times New Roman" w:cs="Times New Roman"/>
          <w:b/>
          <w:bCs/>
          <w:spacing w:val="-1"/>
          <w:sz w:val="24"/>
          <w:szCs w:val="24"/>
        </w:rPr>
        <w:t xml:space="preserve"> </w:t>
      </w: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DELAWARE</w:t>
      </w:r>
    </w:p>
    <w:p w14:paraId="4629828E" w14:textId="77777777" w:rsidR="00D6057F" w:rsidRDefault="00D6057F">
      <w:pPr>
        <w:spacing w:before="16" w:after="0" w:line="260" w:lineRule="exact"/>
        <w:rPr>
          <w:sz w:val="26"/>
          <w:szCs w:val="26"/>
        </w:rPr>
      </w:pPr>
    </w:p>
    <w:p w14:paraId="41826384" w14:textId="77777777" w:rsidR="00D6057F" w:rsidRDefault="006E4035">
      <w:pPr>
        <w:spacing w:after="0" w:line="240" w:lineRule="auto"/>
        <w:ind w:left="2575" w:right="2575"/>
        <w:jc w:val="center"/>
        <w:rPr>
          <w:rFonts w:ascii="Times New Roman" w:eastAsia="Times New Roman" w:hAnsi="Times New Roman" w:cs="Times New Roman"/>
          <w:b/>
          <w:bCs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 xml:space="preserve">HIGH SCHOOL SUMMER </w:t>
      </w:r>
    </w:p>
    <w:p w14:paraId="4230A84D" w14:textId="77777777" w:rsidR="00D6057F" w:rsidRDefault="006E4035">
      <w:pPr>
        <w:spacing w:after="0" w:line="240" w:lineRule="auto"/>
        <w:ind w:left="2575" w:right="2575"/>
        <w:jc w:val="center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FELLOWSHIP PROGRAM</w:t>
      </w:r>
    </w:p>
    <w:p w14:paraId="5FB57AA5" w14:textId="5755D5E9" w:rsidR="00D6057F" w:rsidRDefault="006E4035">
      <w:pPr>
        <w:spacing w:after="0" w:line="240" w:lineRule="auto"/>
        <w:ind w:left="4352" w:right="4352"/>
        <w:jc w:val="center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>20</w:t>
      </w:r>
      <w:r w:rsidR="007A004A">
        <w:rPr>
          <w:rFonts w:ascii="Times New Roman" w:eastAsia="Times New Roman" w:hAnsi="Times New Roman" w:cs="Times New Roman"/>
          <w:b/>
          <w:bCs/>
          <w:sz w:val="24"/>
          <w:szCs w:val="24"/>
        </w:rPr>
        <w:t>2</w:t>
      </w:r>
      <w:r w:rsidR="00E25B8A">
        <w:rPr>
          <w:rFonts w:ascii="Times New Roman" w:eastAsia="Times New Roman" w:hAnsi="Times New Roman" w:cs="Times New Roman"/>
          <w:b/>
          <w:bCs/>
          <w:sz w:val="24"/>
          <w:szCs w:val="24"/>
        </w:rPr>
        <w:t>6</w:t>
      </w:r>
      <w:r>
        <w:rPr>
          <w:rFonts w:ascii="Times New Roman" w:eastAsia="Times New Roman" w:hAnsi="Times New Roman" w:cs="Times New Roman"/>
          <w:b/>
          <w:bCs/>
          <w:sz w:val="24"/>
          <w:szCs w:val="24"/>
        </w:rPr>
        <w:t xml:space="preserve"> APPLICATION</w:t>
      </w:r>
    </w:p>
    <w:p w14:paraId="502F02A1" w14:textId="77777777" w:rsidR="00D6057F" w:rsidRDefault="00D6057F">
      <w:pPr>
        <w:spacing w:before="16" w:after="0" w:line="260" w:lineRule="exact"/>
        <w:rPr>
          <w:sz w:val="26"/>
          <w:szCs w:val="26"/>
        </w:rPr>
      </w:pPr>
    </w:p>
    <w:tbl>
      <w:tblPr>
        <w:tblW w:w="0" w:type="auto"/>
        <w:tblInd w:w="94" w:type="dxa"/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2965"/>
        <w:gridCol w:w="2786"/>
        <w:gridCol w:w="2790"/>
        <w:gridCol w:w="2254"/>
      </w:tblGrid>
      <w:tr w:rsidR="004A2C28" w14:paraId="61402E24" w14:textId="77777777" w:rsidTr="002B17E7">
        <w:trPr>
          <w:trHeight w:hRule="exact" w:val="287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684A98A" w14:textId="77777777" w:rsidR="00D6057F" w:rsidRDefault="006E4035">
            <w:pPr>
              <w:spacing w:after="0" w:line="273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N</w:t>
            </w:r>
            <w:r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a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</w:t>
            </w:r>
          </w:p>
        </w:tc>
        <w:tc>
          <w:tcPr>
            <w:tcW w:w="2786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1A68DED0" w14:textId="77777777" w:rsidR="00D6057F" w:rsidRDefault="00D6057F"/>
        </w:tc>
        <w:tc>
          <w:tcPr>
            <w:tcW w:w="279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4389692" w14:textId="0FE010DE" w:rsidR="00D6057F" w:rsidRDefault="00D6057F">
            <w:pPr>
              <w:spacing w:after="0" w:line="273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</w:p>
        </w:tc>
        <w:tc>
          <w:tcPr>
            <w:tcW w:w="225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9F5440B" w14:textId="77777777" w:rsidR="00D6057F" w:rsidRDefault="00D6057F"/>
        </w:tc>
      </w:tr>
      <w:tr w:rsidR="004A2C28" w14:paraId="0D3BA720" w14:textId="77777777" w:rsidTr="002B17E7">
        <w:trPr>
          <w:trHeight w:hRule="exact" w:val="286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7636F43D" w14:textId="77777777" w:rsidR="00D6057F" w:rsidRDefault="006E4035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Address</w:t>
            </w:r>
          </w:p>
        </w:tc>
        <w:tc>
          <w:tcPr>
            <w:tcW w:w="2786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544CE35" w14:textId="77777777" w:rsidR="00D6057F" w:rsidRDefault="00D6057F"/>
        </w:tc>
        <w:tc>
          <w:tcPr>
            <w:tcW w:w="279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BA79F72" w14:textId="77777777" w:rsidR="00D6057F" w:rsidRDefault="006E4035" w:rsidP="002B17E7">
            <w:pPr>
              <w:spacing w:after="0" w:line="272" w:lineRule="exact"/>
              <w:ind w:left="103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Home telephone nu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ber</w:t>
            </w:r>
          </w:p>
        </w:tc>
        <w:tc>
          <w:tcPr>
            <w:tcW w:w="225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89CAA3C" w14:textId="77777777" w:rsidR="00D6057F" w:rsidRDefault="00D6057F"/>
        </w:tc>
      </w:tr>
      <w:tr w:rsidR="004A2C28" w14:paraId="1A0DF012" w14:textId="77777777" w:rsidTr="002B17E7">
        <w:trPr>
          <w:trHeight w:hRule="exact" w:val="286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4873C9C" w14:textId="77777777" w:rsidR="00D6057F" w:rsidRDefault="006E4035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City/State/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Z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ip</w:t>
            </w:r>
          </w:p>
        </w:tc>
        <w:tc>
          <w:tcPr>
            <w:tcW w:w="2786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132CF92D" w14:textId="77777777" w:rsidR="00D6057F" w:rsidRDefault="00D6057F"/>
        </w:tc>
        <w:tc>
          <w:tcPr>
            <w:tcW w:w="279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F5FF848" w14:textId="77777777" w:rsidR="00D6057F" w:rsidRDefault="006E4035">
            <w:pPr>
              <w:spacing w:after="0" w:line="272" w:lineRule="exact"/>
              <w:ind w:left="103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Cellular telephone nu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ber</w:t>
            </w:r>
          </w:p>
        </w:tc>
        <w:tc>
          <w:tcPr>
            <w:tcW w:w="225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FC4C031" w14:textId="77777777" w:rsidR="00D6057F" w:rsidRDefault="00D6057F"/>
        </w:tc>
      </w:tr>
      <w:tr w:rsidR="004A2C28" w14:paraId="2ACD9CCD" w14:textId="77777777" w:rsidTr="002B17E7">
        <w:trPr>
          <w:trHeight w:hRule="exact" w:val="287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3BF94F8" w14:textId="77777777" w:rsidR="00D6057F" w:rsidRDefault="006E4035" w:rsidP="002B17E7">
            <w:pPr>
              <w:spacing w:after="0" w:line="273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Date of birth</w:t>
            </w:r>
          </w:p>
        </w:tc>
        <w:tc>
          <w:tcPr>
            <w:tcW w:w="2786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07C2AAF0" w14:textId="77777777" w:rsidR="00D6057F" w:rsidRDefault="00D6057F"/>
        </w:tc>
        <w:tc>
          <w:tcPr>
            <w:tcW w:w="279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2247F8B" w14:textId="77777777" w:rsidR="00D6057F" w:rsidRDefault="006E4035">
            <w:pPr>
              <w:spacing w:after="0" w:line="273" w:lineRule="exact"/>
              <w:ind w:left="103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A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ge</w:t>
            </w:r>
          </w:p>
        </w:tc>
        <w:tc>
          <w:tcPr>
            <w:tcW w:w="225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D3DE6D7" w14:textId="77777777" w:rsidR="00D6057F" w:rsidRDefault="00D6057F"/>
        </w:tc>
      </w:tr>
      <w:tr w:rsidR="004A2C28" w14:paraId="731742CF" w14:textId="77777777">
        <w:trPr>
          <w:trHeight w:hRule="exact" w:val="286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D051E05" w14:textId="77777777" w:rsidR="00D6057F" w:rsidRDefault="006E4035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-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ail address</w:t>
            </w:r>
          </w:p>
        </w:tc>
        <w:tc>
          <w:tcPr>
            <w:tcW w:w="7830" w:type="dxa"/>
            <w:gridSpan w:val="3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85D6C79" w14:textId="77777777" w:rsidR="00D6057F" w:rsidRDefault="00D6057F"/>
        </w:tc>
      </w:tr>
    </w:tbl>
    <w:p w14:paraId="5E6AEBC5" w14:textId="77777777" w:rsidR="00D6057F" w:rsidRDefault="00D6057F">
      <w:pPr>
        <w:spacing w:before="9" w:after="0" w:line="260" w:lineRule="exact"/>
        <w:rPr>
          <w:sz w:val="26"/>
          <w:szCs w:val="26"/>
        </w:rPr>
      </w:pPr>
    </w:p>
    <w:tbl>
      <w:tblPr>
        <w:tblW w:w="0" w:type="auto"/>
        <w:tblInd w:w="94" w:type="dxa"/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2965"/>
        <w:gridCol w:w="7830"/>
      </w:tblGrid>
      <w:tr w:rsidR="004A2C28" w14:paraId="29DE0561" w14:textId="77777777">
        <w:trPr>
          <w:trHeight w:hRule="exact" w:val="286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6E3C60C" w14:textId="77777777" w:rsidR="00D6057F" w:rsidRDefault="006E4035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N</w:t>
            </w:r>
            <w:r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a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 of parent or guardian</w:t>
            </w:r>
          </w:p>
        </w:tc>
        <w:tc>
          <w:tcPr>
            <w:tcW w:w="783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B31A043" w14:textId="77777777" w:rsidR="00D6057F" w:rsidRDefault="00D6057F"/>
        </w:tc>
      </w:tr>
      <w:tr w:rsidR="004A2C28" w14:paraId="697643BE" w14:textId="77777777">
        <w:trPr>
          <w:trHeight w:hRule="exact" w:val="287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5812850" w14:textId="77777777" w:rsidR="00D6057F" w:rsidRDefault="006E4035">
            <w:pPr>
              <w:spacing w:after="0" w:line="273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Parent/guardian’s address</w:t>
            </w:r>
          </w:p>
        </w:tc>
        <w:tc>
          <w:tcPr>
            <w:tcW w:w="783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06F4693F" w14:textId="77777777" w:rsidR="00D6057F" w:rsidRDefault="00D6057F"/>
        </w:tc>
      </w:tr>
      <w:tr w:rsidR="004A2C28" w14:paraId="2B18D35C" w14:textId="77777777">
        <w:trPr>
          <w:trHeight w:hRule="exact" w:val="286"/>
        </w:trPr>
        <w:tc>
          <w:tcPr>
            <w:tcW w:w="296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7911B027" w14:textId="77777777" w:rsidR="00D6057F" w:rsidRDefault="006E4035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Parent/guardian’s telephone</w:t>
            </w:r>
          </w:p>
        </w:tc>
        <w:tc>
          <w:tcPr>
            <w:tcW w:w="783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69FCA18" w14:textId="77777777" w:rsidR="00D6057F" w:rsidRDefault="00D6057F"/>
        </w:tc>
      </w:tr>
    </w:tbl>
    <w:p w14:paraId="727145B0" w14:textId="77777777" w:rsidR="00D6057F" w:rsidRDefault="00D6057F">
      <w:pPr>
        <w:spacing w:before="9" w:after="0" w:line="260" w:lineRule="exact"/>
        <w:rPr>
          <w:sz w:val="26"/>
          <w:szCs w:val="26"/>
        </w:rPr>
      </w:pPr>
    </w:p>
    <w:tbl>
      <w:tblPr>
        <w:tblW w:w="0" w:type="auto"/>
        <w:tblInd w:w="94" w:type="dxa"/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2984"/>
        <w:gridCol w:w="2719"/>
        <w:gridCol w:w="2628"/>
        <w:gridCol w:w="2521"/>
      </w:tblGrid>
      <w:tr w:rsidR="004A2C28" w14:paraId="2474CA7D" w14:textId="77777777" w:rsidTr="003479A6">
        <w:trPr>
          <w:trHeight w:hRule="exact" w:val="277"/>
        </w:trPr>
        <w:tc>
          <w:tcPr>
            <w:tcW w:w="298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7E8B65E6" w14:textId="77777777" w:rsidR="00D6057F" w:rsidRDefault="006E4035">
            <w:pPr>
              <w:spacing w:after="0" w:line="273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School</w:t>
            </w:r>
          </w:p>
        </w:tc>
        <w:tc>
          <w:tcPr>
            <w:tcW w:w="7868" w:type="dxa"/>
            <w:gridSpan w:val="3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4D11739" w14:textId="77777777" w:rsidR="00D6057F" w:rsidRDefault="00D6057F"/>
        </w:tc>
      </w:tr>
      <w:tr w:rsidR="004A2C28" w14:paraId="619641F4" w14:textId="77777777" w:rsidTr="003479A6">
        <w:trPr>
          <w:trHeight w:hRule="exact" w:val="275"/>
        </w:trPr>
        <w:tc>
          <w:tcPr>
            <w:tcW w:w="2984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F88DCA7" w14:textId="48B291DC" w:rsidR="00D6057F" w:rsidRDefault="006E4035" w:rsidP="002D23EC">
            <w:pPr>
              <w:spacing w:after="0" w:line="272" w:lineRule="exact"/>
              <w:ind w:left="102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Grade in 20</w:t>
            </w:r>
            <w:r w:rsidR="00DE1489">
              <w:rPr>
                <w:rFonts w:ascii="Times New Roman" w:eastAsia="Times New Roman" w:hAnsi="Times New Roman" w:cs="Times New Roman"/>
                <w:sz w:val="24"/>
                <w:szCs w:val="24"/>
              </w:rPr>
              <w:t>26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-</w:t>
            </w:r>
            <w:r w:rsidR="00E25B8A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2027 </w:t>
            </w:r>
            <w:r w:rsidR="00C57DA4">
              <w:rPr>
                <w:rFonts w:ascii="Times New Roman" w:eastAsia="Times New Roman" w:hAnsi="Times New Roman" w:cs="Times New Roman"/>
                <w:sz w:val="24"/>
                <w:szCs w:val="24"/>
              </w:rPr>
              <w:t>year</w:t>
            </w:r>
          </w:p>
        </w:tc>
        <w:tc>
          <w:tcPr>
            <w:tcW w:w="271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085B1D5" w14:textId="0BE6DE29" w:rsidR="00D6057F" w:rsidRDefault="00D6057F">
            <w:pPr>
              <w:spacing w:after="0" w:line="272" w:lineRule="exact"/>
              <w:ind w:left="103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</w:p>
        </w:tc>
        <w:tc>
          <w:tcPr>
            <w:tcW w:w="2628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140416F1" w14:textId="5E35C61C" w:rsidR="00D6057F" w:rsidRDefault="006E4035">
            <w:pPr>
              <w:spacing w:after="0" w:line="272" w:lineRule="exact"/>
              <w:ind w:left="101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Junior</w:t>
            </w:r>
            <w:r w:rsidR="00C57DA4">
              <w:rPr>
                <w:rFonts w:ascii="Times New Roman" w:eastAsia="Times New Roman" w:hAnsi="Times New Roman" w:cs="Times New Roman"/>
                <w:sz w:val="24"/>
                <w:szCs w:val="24"/>
              </w:rPr>
              <w:t>:</w:t>
            </w:r>
          </w:p>
        </w:tc>
        <w:tc>
          <w:tcPr>
            <w:tcW w:w="252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7BF0D7DD" w14:textId="5D02BB8C" w:rsidR="00D6057F" w:rsidRDefault="006E4035">
            <w:pPr>
              <w:spacing w:after="0" w:line="272" w:lineRule="exact"/>
              <w:ind w:left="100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Senior</w:t>
            </w:r>
          </w:p>
        </w:tc>
      </w:tr>
      <w:tr w:rsidR="004A2C28" w14:paraId="5F90B6A9" w14:textId="77777777" w:rsidTr="003479A6">
        <w:trPr>
          <w:trHeight w:hRule="exact" w:val="275"/>
        </w:trPr>
        <w:tc>
          <w:tcPr>
            <w:tcW w:w="10852" w:type="dxa"/>
            <w:gridSpan w:val="4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C6D1377" w14:textId="77777777" w:rsidR="00D6057F" w:rsidRDefault="006E4035">
            <w:pPr>
              <w:spacing w:after="0" w:line="272" w:lineRule="exact"/>
              <w:ind w:left="100"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Have you previously applied?</w:t>
            </w:r>
          </w:p>
        </w:tc>
      </w:tr>
      <w:tr w:rsidR="004A2C28" w14:paraId="6E7CD331" w14:textId="77777777" w:rsidTr="00472D60">
        <w:trPr>
          <w:trHeight w:hRule="exact" w:val="2877"/>
        </w:trPr>
        <w:tc>
          <w:tcPr>
            <w:tcW w:w="10852" w:type="dxa"/>
            <w:gridSpan w:val="4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0399972" w14:textId="77777777" w:rsidR="00D6057F" w:rsidRDefault="006E4035" w:rsidP="00150DB1">
            <w:pPr>
              <w:spacing w:after="0" w:line="272" w:lineRule="exact"/>
              <w:ind w:left="102" w:right="-2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 xml:space="preserve">Please answer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the following questions.  You may prepare a separate docu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nt with your answers, or add</w:t>
            </w:r>
          </w:p>
          <w:p w14:paraId="4CC08228" w14:textId="77777777" w:rsidR="00D6057F" w:rsidRDefault="006E4035" w:rsidP="00150DB1">
            <w:pPr>
              <w:spacing w:after="0" w:line="240" w:lineRule="auto"/>
              <w:ind w:left="102" w:right="18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additional 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p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ages if necessary.  In eit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h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r case, please include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your na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 and the nu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b</w:t>
            </w:r>
            <w:r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e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r of the question being answered at the top of each page.</w:t>
            </w:r>
          </w:p>
          <w:p w14:paraId="104E06E9" w14:textId="77777777" w:rsidR="00D6057F" w:rsidRDefault="00D6057F" w:rsidP="00150DB1">
            <w:pPr>
              <w:spacing w:before="16" w:after="0" w:line="260" w:lineRule="exact"/>
              <w:jc w:val="both"/>
              <w:rPr>
                <w:sz w:val="26"/>
                <w:szCs w:val="26"/>
              </w:rPr>
            </w:pPr>
          </w:p>
          <w:p w14:paraId="1C6BCBF9" w14:textId="1013F9AB" w:rsidR="00D6057F" w:rsidRDefault="006E4035" w:rsidP="002B17E7">
            <w:pPr>
              <w:spacing w:after="0" w:line="240" w:lineRule="auto"/>
              <w:ind w:left="102" w:right="179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 xml:space="preserve">Submit </w:t>
            </w:r>
            <w:r w:rsidR="00007933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by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-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ail the co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pleted application, along with your school transcript,</w:t>
            </w:r>
            <w:r w:rsidR="00007933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and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at least one letter of recom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ndation from</w:t>
            </w:r>
            <w:r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either a </w:t>
            </w:r>
            <w:r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t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eacher or other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counselor at your school</w:t>
            </w:r>
            <w:r w:rsidR="00007933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to:</w:t>
            </w:r>
            <w:r>
              <w:rPr>
                <w:rFonts w:ascii="Times New Roman" w:eastAsia="Times New Roman" w:hAnsi="Times New Roman" w:cs="Times New Roman"/>
                <w:spacing w:val="59"/>
                <w:sz w:val="24"/>
                <w:szCs w:val="24"/>
              </w:rPr>
              <w:t xml:space="preserve"> </w:t>
            </w:r>
            <w:r w:rsidR="00007933">
              <w:rPr>
                <w:rFonts w:ascii="Times New Roman" w:eastAsia="Times New Roman" w:hAnsi="Times New Roman" w:cs="Times New Roman"/>
                <w:sz w:val="24"/>
                <w:szCs w:val="24"/>
              </w:rPr>
              <w:t>Samantha Miller</w:t>
            </w:r>
            <w:r w:rsidRPr="00E61FFE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, J. Caleb Boggs Building, 844 N. King Street, Unit 28, Room 2325, Wilmington, DE 19801; (302) 573-4591;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HSFP</w:t>
            </w:r>
            <w:r w:rsidRPr="00E61FFE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@ded.uscourts.gov.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</w:t>
            </w:r>
            <w:r w:rsidRPr="00E61FFE">
              <w:rPr>
                <w:rFonts w:ascii="Times New Roman" w:eastAsia="Times New Roman" w:hAnsi="Times New Roman" w:cs="Times New Roman"/>
                <w:sz w:val="24"/>
                <w:szCs w:val="24"/>
              </w:rPr>
              <w:t>Applicatio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ns are due no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later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>than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 w:rsidR="00007933">
              <w:rPr>
                <w:rFonts w:ascii="Times New Roman" w:eastAsia="Times New Roman" w:hAnsi="Times New Roman" w:cs="Times New Roman"/>
                <w:b/>
                <w:spacing w:val="-1"/>
                <w:sz w:val="24"/>
                <w:szCs w:val="24"/>
              </w:rPr>
              <w:t>April 1, 2026</w:t>
            </w:r>
            <w:r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.</w:t>
            </w:r>
          </w:p>
        </w:tc>
      </w:tr>
      <w:tr w:rsidR="004A2C28" w14:paraId="15E351B8" w14:textId="77777777" w:rsidTr="00472D60">
        <w:trPr>
          <w:trHeight w:hRule="exact" w:val="3633"/>
        </w:trPr>
        <w:tc>
          <w:tcPr>
            <w:tcW w:w="10852" w:type="dxa"/>
            <w:gridSpan w:val="4"/>
            <w:tcBorders>
              <w:top w:val="single" w:sz="4" w:space="0" w:color="000000"/>
            </w:tcBorders>
          </w:tcPr>
          <w:p w14:paraId="45BEE06F" w14:textId="77777777" w:rsidR="00D6057F" w:rsidRPr="001819E0" w:rsidRDefault="00D6057F" w:rsidP="00DA1F67">
            <w:pPr>
              <w:spacing w:after="0" w:line="240" w:lineRule="auto"/>
              <w:rPr>
                <w:rFonts w:ascii="Times New Roman" w:hAnsi="Times New Roman" w:cs="Times New Roman"/>
                <w:sz w:val="24"/>
                <w:szCs w:val="24"/>
              </w:rPr>
            </w:pPr>
          </w:p>
          <w:p w14:paraId="46B4CFE0" w14:textId="4302654D" w:rsidR="00D6057F" w:rsidRDefault="006E4035" w:rsidP="00DA1F67">
            <w:pPr>
              <w:spacing w:after="0" w:line="240" w:lineRule="auto"/>
              <w:ind w:left="101" w:right="-2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PLEA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2"/>
                <w:sz w:val="24"/>
                <w:szCs w:val="24"/>
              </w:rPr>
              <w:t>S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E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-11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READ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-8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AND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-6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SIGN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-7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z w:val="24"/>
                <w:szCs w:val="24"/>
              </w:rPr>
              <w:t>BELOW:</w:t>
            </w:r>
            <w:r w:rsidRPr="001819E0">
              <w:rPr>
                <w:rFonts w:ascii="Times New Roman" w:eastAsia="Times New Roman" w:hAnsi="Times New Roman" w:cs="Times New Roman"/>
                <w:b/>
                <w:bCs/>
                <w:spacing w:val="60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This program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is a </w:t>
            </w:r>
            <w:r w:rsidR="00C94B73">
              <w:rPr>
                <w:rFonts w:ascii="Times New Roman" w:eastAsia="Times New Roman" w:hAnsi="Times New Roman" w:cs="Times New Roman"/>
                <w:sz w:val="24"/>
                <w:szCs w:val="24"/>
              </w:rPr>
              <w:t>four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-week commit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ent, from </w:t>
            </w:r>
            <w:r w:rsidR="00C94B73">
              <w:rPr>
                <w:rFonts w:ascii="Times New Roman" w:eastAsia="Times New Roman" w:hAnsi="Times New Roman" w:cs="Times New Roman"/>
                <w:sz w:val="24"/>
                <w:szCs w:val="24"/>
              </w:rPr>
              <w:t>July 6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,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20</w:t>
            </w:r>
            <w:r w:rsidR="00C94B73">
              <w:rPr>
                <w:rFonts w:ascii="Times New Roman" w:eastAsia="Times New Roman" w:hAnsi="Times New Roman" w:cs="Times New Roman"/>
                <w:sz w:val="24"/>
                <w:szCs w:val="24"/>
              </w:rPr>
              <w:t>26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</w:t>
            </w:r>
          </w:p>
          <w:p w14:paraId="21979E24" w14:textId="2F1A0852" w:rsidR="00D6057F" w:rsidRDefault="006E4035" w:rsidP="00DA1F67">
            <w:pPr>
              <w:spacing w:after="0" w:line="240" w:lineRule="auto"/>
              <w:ind w:left="101" w:right="-2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to </w:t>
            </w:r>
            <w:r w:rsidR="00C94B73">
              <w:rPr>
                <w:rFonts w:ascii="Times New Roman" w:eastAsia="Times New Roman" w:hAnsi="Times New Roman" w:cs="Times New Roman"/>
                <w:sz w:val="24"/>
                <w:szCs w:val="24"/>
              </w:rPr>
              <w:t>July 31, 2026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.  If you have a prior sum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er com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i</w:t>
            </w:r>
            <w:r w:rsidRPr="001819E0">
              <w:rPr>
                <w:rFonts w:ascii="Times New Roman" w:eastAsia="Times New Roman" w:hAnsi="Times New Roman" w:cs="Times New Roman"/>
                <w:spacing w:val="2"/>
                <w:sz w:val="24"/>
                <w:szCs w:val="24"/>
              </w:rPr>
              <w:t>t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ent</w:t>
            </w:r>
            <w:r w:rsidRPr="001819E0"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(summer school, vacations, volunteer</w:t>
            </w:r>
            <w:r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progra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s, </w:t>
            </w:r>
          </w:p>
          <w:p w14:paraId="69C6FA78" w14:textId="678FC650" w:rsidR="00D6057F" w:rsidRDefault="006E4035" w:rsidP="00DA1F67">
            <w:pPr>
              <w:spacing w:after="0" w:line="240" w:lineRule="auto"/>
              <w:ind w:left="101" w:right="-2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or other e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ploy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ent) </w:t>
            </w:r>
            <w:r w:rsidR="00C94B73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during this time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you should not apply for this progra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.  This program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is intended for students who are available to par</w:t>
            </w:r>
            <w:r w:rsidRPr="001819E0"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t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icipate in the full schedule.  If you know now that y</w:t>
            </w:r>
            <w:r w:rsidRPr="001819E0">
              <w:rPr>
                <w:rFonts w:ascii="Times New Roman" w:eastAsia="Times New Roman" w:hAnsi="Times New Roman" w:cs="Times New Roman"/>
                <w:spacing w:val="-1"/>
                <w:sz w:val="24"/>
                <w:szCs w:val="24"/>
              </w:rPr>
              <w:t>o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u will 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pacing w:val="1"/>
                <w:sz w:val="24"/>
                <w:szCs w:val="24"/>
              </w:rPr>
              <w:t>i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ss one or two days of the progra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, please explain and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 xml:space="preserve"> 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list the dates on a separate sheet of paper, and attach that docu</w:t>
            </w:r>
            <w:r w:rsidRPr="001819E0">
              <w:rPr>
                <w:rFonts w:ascii="Times New Roman" w:eastAsia="Times New Roman" w:hAnsi="Times New Roman" w:cs="Times New Roman"/>
                <w:spacing w:val="-2"/>
                <w:sz w:val="24"/>
                <w:szCs w:val="24"/>
              </w:rPr>
              <w:t>m</w:t>
            </w: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 xml:space="preserve">ent to </w:t>
            </w:r>
          </w:p>
          <w:p w14:paraId="1183C33C" w14:textId="77777777" w:rsidR="00D6057F" w:rsidRPr="001819E0" w:rsidRDefault="006E4035" w:rsidP="00DA1F67">
            <w:pPr>
              <w:spacing w:after="0" w:line="240" w:lineRule="auto"/>
              <w:ind w:left="101" w:right="-20"/>
              <w:jc w:val="both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1819E0">
              <w:rPr>
                <w:rFonts w:ascii="Times New Roman" w:eastAsia="Times New Roman" w:hAnsi="Times New Roman" w:cs="Times New Roman"/>
                <w:sz w:val="24"/>
                <w:szCs w:val="24"/>
              </w:rPr>
              <w:t>this application.</w:t>
            </w:r>
          </w:p>
          <w:p w14:paraId="06E58F05" w14:textId="77777777" w:rsidR="00D6057F" w:rsidRPr="001819E0" w:rsidRDefault="006E4035" w:rsidP="00DA1F67">
            <w:pPr>
              <w:spacing w:after="0" w:line="240" w:lineRule="auto"/>
              <w:jc w:val="center"/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1819E0">
              <w:rPr>
                <w:rFonts w:ascii="Times New Roman" w:hAnsi="Times New Roman" w:cs="Times New Roman"/>
                <w:b/>
                <w:sz w:val="24"/>
                <w:szCs w:val="24"/>
              </w:rPr>
              <w:t>I have read and understand the information on this application.</w:t>
            </w:r>
          </w:p>
          <w:p w14:paraId="2FAC6B77" w14:textId="77777777" w:rsidR="00D6057F" w:rsidRPr="001819E0" w:rsidRDefault="00D6057F" w:rsidP="00DA1F67">
            <w:pPr>
              <w:spacing w:after="0" w:line="240" w:lineRule="auto"/>
              <w:jc w:val="center"/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4A37400" w14:textId="77777777" w:rsidR="00D6057F" w:rsidRPr="001819E0" w:rsidRDefault="00D6057F" w:rsidP="00DA1F67">
            <w:pPr>
              <w:spacing w:after="0" w:line="240" w:lineRule="auto"/>
              <w:jc w:val="center"/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tbl>
            <w:tblPr>
              <w:tblStyle w:val="TableGrid"/>
              <w:tblW w:w="0" w:type="auto"/>
              <w:tblInd w:w="1" w:type="dxa"/>
              <w:tblBorders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  <w:insideH w:val="none" w:sz="0" w:space="0" w:color="auto"/>
                <w:insideV w:val="none" w:sz="0" w:space="0" w:color="auto"/>
              </w:tblBorders>
              <w:tblLayout w:type="fixed"/>
              <w:tblLook w:val="04A0" w:firstRow="1" w:lastRow="0" w:firstColumn="1" w:lastColumn="0" w:noHBand="0" w:noVBand="1"/>
            </w:tblPr>
            <w:tblGrid>
              <w:gridCol w:w="5413"/>
              <w:gridCol w:w="5414"/>
            </w:tblGrid>
            <w:tr w:rsidR="004A2C28" w14:paraId="7C54C039" w14:textId="77777777" w:rsidTr="003479A6">
              <w:trPr>
                <w:trHeight w:val="381"/>
              </w:trPr>
              <w:tc>
                <w:tcPr>
                  <w:tcW w:w="5413" w:type="dxa"/>
                </w:tcPr>
                <w:p w14:paraId="0DA5C738" w14:textId="77777777" w:rsidR="00D6057F" w:rsidRPr="001819E0" w:rsidRDefault="006E4035" w:rsidP="00DA1F67">
                  <w:pPr>
                    <w:tabs>
                      <w:tab w:val="left" w:pos="2960"/>
                    </w:tabs>
                    <w:rPr>
                      <w:rFonts w:ascii="Times New Roman" w:hAnsi="Times New Roman" w:cs="Times New Roman"/>
                      <w:sz w:val="24"/>
                      <w:szCs w:val="24"/>
                    </w:rPr>
                  </w:pPr>
                  <w:r w:rsidRPr="001819E0">
                    <w:rPr>
                      <w:rFonts w:ascii="Times New Roman" w:hAnsi="Times New Roman" w:cs="Times New Roman"/>
                      <w:sz w:val="24"/>
                      <w:szCs w:val="24"/>
                    </w:rPr>
                    <w:t>_______________________________________</w:t>
                  </w:r>
                </w:p>
                <w:p w14:paraId="2BD8710F" w14:textId="77777777" w:rsidR="00D6057F" w:rsidRPr="001819E0" w:rsidRDefault="006E4035" w:rsidP="00DA1F67">
                  <w:pPr>
                    <w:tabs>
                      <w:tab w:val="left" w:pos="2960"/>
                    </w:tabs>
                    <w:rPr>
                      <w:rFonts w:ascii="Times New Roman" w:hAnsi="Times New Roman" w:cs="Times New Roman"/>
                      <w:sz w:val="24"/>
                      <w:szCs w:val="24"/>
                    </w:rPr>
                  </w:pPr>
                  <w:r w:rsidRPr="001819E0">
                    <w:rPr>
                      <w:rFonts w:ascii="Times New Roman" w:hAnsi="Times New Roman" w:cs="Times New Roman"/>
                      <w:sz w:val="24"/>
                      <w:szCs w:val="24"/>
                    </w:rPr>
                    <w:t>Signature</w:t>
                  </w:r>
                </w:p>
              </w:tc>
              <w:tc>
                <w:tcPr>
                  <w:tcW w:w="5414" w:type="dxa"/>
                </w:tcPr>
                <w:p w14:paraId="29760B64" w14:textId="77777777" w:rsidR="00D6057F" w:rsidRPr="001819E0" w:rsidRDefault="006E4035" w:rsidP="00DA1F67">
                  <w:pPr>
                    <w:tabs>
                      <w:tab w:val="left" w:pos="2960"/>
                    </w:tabs>
                    <w:rPr>
                      <w:rFonts w:ascii="Times New Roman" w:hAnsi="Times New Roman" w:cs="Times New Roman"/>
                      <w:sz w:val="24"/>
                      <w:szCs w:val="24"/>
                    </w:rPr>
                  </w:pPr>
                  <w:r w:rsidRPr="001819E0">
                    <w:rPr>
                      <w:rFonts w:ascii="Times New Roman" w:hAnsi="Times New Roman" w:cs="Times New Roman"/>
                      <w:sz w:val="24"/>
                      <w:szCs w:val="24"/>
                    </w:rPr>
                    <w:t>_______________________________________</w:t>
                  </w:r>
                </w:p>
                <w:p w14:paraId="309FC4FC" w14:textId="77777777" w:rsidR="00D6057F" w:rsidRPr="001819E0" w:rsidRDefault="006E4035" w:rsidP="00DA1F67">
                  <w:pPr>
                    <w:tabs>
                      <w:tab w:val="left" w:pos="2960"/>
                    </w:tabs>
                    <w:rPr>
                      <w:rFonts w:ascii="Times New Roman" w:hAnsi="Times New Roman" w:cs="Times New Roman"/>
                      <w:sz w:val="24"/>
                      <w:szCs w:val="24"/>
                    </w:rPr>
                  </w:pPr>
                  <w:r w:rsidRPr="001819E0">
                    <w:rPr>
                      <w:rFonts w:ascii="Times New Roman" w:hAnsi="Times New Roman" w:cs="Times New Roman"/>
                      <w:sz w:val="24"/>
                      <w:szCs w:val="24"/>
                    </w:rPr>
                    <w:t>Date</w:t>
                  </w:r>
                </w:p>
              </w:tc>
            </w:tr>
          </w:tbl>
          <w:p w14:paraId="5A5F5240" w14:textId="77777777" w:rsidR="00D6057F" w:rsidRPr="001819E0" w:rsidRDefault="00D6057F" w:rsidP="00DA1F67">
            <w:pPr>
              <w:tabs>
                <w:tab w:val="left" w:pos="7380"/>
              </w:tabs>
              <w:spacing w:after="0" w:line="240" w:lineRule="auto"/>
              <w:ind w:right="-20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</w:p>
        </w:tc>
      </w:tr>
    </w:tbl>
    <w:p w14:paraId="4CC2CBF8" w14:textId="77777777" w:rsidR="00D6057F" w:rsidRDefault="00D6057F">
      <w:pPr>
        <w:spacing w:after="0"/>
        <w:sectPr w:rsidR="00D6057F" w:rsidSect="00150DB1">
          <w:footerReference w:type="default" r:id="rId12"/>
          <w:pgSz w:w="12240" w:h="15840"/>
          <w:pgMar w:top="1480" w:right="600" w:bottom="1920" w:left="620" w:header="720" w:footer="720" w:gutter="0"/>
          <w:pgNumType w:start="1"/>
          <w:cols w:space="720"/>
          <w:docGrid w:linePitch="299"/>
        </w:sectPr>
      </w:pPr>
    </w:p>
    <w:tbl>
      <w:tblPr>
        <w:tblStyle w:val="TableGrid"/>
        <w:tblW w:w="10800" w:type="dxa"/>
        <w:tblInd w:w="108" w:type="dxa"/>
        <w:tblLook w:val="04A0" w:firstRow="1" w:lastRow="0" w:firstColumn="1" w:lastColumn="0" w:noHBand="0" w:noVBand="1"/>
      </w:tblPr>
      <w:tblGrid>
        <w:gridCol w:w="10800"/>
      </w:tblGrid>
      <w:tr w:rsidR="004A2C28" w14:paraId="75C2F848" w14:textId="77777777" w:rsidTr="00DB38C7">
        <w:tc>
          <w:tcPr>
            <w:tcW w:w="10800" w:type="dxa"/>
          </w:tcPr>
          <w:p w14:paraId="6817D7E9" w14:textId="77777777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lastRenderedPageBreak/>
              <w:t>1.  Why do you want to participate in the Summer Fellowship Program?   What makes you a good candidate?  Describe your</w:t>
            </w:r>
            <w:r>
              <w:rPr>
                <w:rFonts w:ascii="Times New Roman" w:hAnsi="Times New Roman" w:cs="Times New Roman"/>
                <w:b/>
                <w:sz w:val="24"/>
                <w:szCs w:val="24"/>
              </w:rPr>
              <w:t xml:space="preserve"> </w:t>
            </w: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t>best qualities.</w:t>
            </w:r>
          </w:p>
        </w:tc>
      </w:tr>
      <w:tr w:rsidR="004A2C28" w14:paraId="492A234E" w14:textId="77777777" w:rsidTr="00DB38C7">
        <w:tc>
          <w:tcPr>
            <w:tcW w:w="10800" w:type="dxa"/>
          </w:tcPr>
          <w:p w14:paraId="53BBDEE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9637B1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8770C0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A1487F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0B0BD0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750E60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5945EC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804AFE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6DDFF0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D8ED08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AE251A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762B37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08B4FC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B80F2E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CF2EDF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EA108F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2E1771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EA3AB1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7E862F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  <w:tr w:rsidR="004A2C28" w14:paraId="430445E8" w14:textId="77777777" w:rsidTr="00B50C63">
        <w:tc>
          <w:tcPr>
            <w:tcW w:w="10800" w:type="dxa"/>
          </w:tcPr>
          <w:p w14:paraId="7099454B" w14:textId="77777777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t>2.  What is the extracurricular activity that has been the most meaningful to you, and why?</w:t>
            </w:r>
          </w:p>
        </w:tc>
      </w:tr>
      <w:tr w:rsidR="004A2C28" w14:paraId="2B7554A6" w14:textId="77777777" w:rsidTr="00B50C63">
        <w:tc>
          <w:tcPr>
            <w:tcW w:w="10800" w:type="dxa"/>
          </w:tcPr>
          <w:p w14:paraId="15FAB24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D95C48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5A04EA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1F507B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036158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5E3D2D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01CB8A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8E3E49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9C612A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EC5A22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EEA68B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1C0174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14B21F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A61F849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B7EEB59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F17A593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937D5FD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E191FBA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4E31417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68670F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EA7F5C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C8C31B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95C780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  <w:tr w:rsidR="004A2C28" w14:paraId="794CBCB7" w14:textId="77777777" w:rsidTr="00B50C63">
        <w:tc>
          <w:tcPr>
            <w:tcW w:w="10800" w:type="dxa"/>
          </w:tcPr>
          <w:p w14:paraId="4F3D2F4F" w14:textId="3335437A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lastRenderedPageBreak/>
              <w:t xml:space="preserve">3.  </w:t>
            </w:r>
            <w:r w:rsidR="00D6057F" w:rsidRPr="00D6057F">
              <w:rPr>
                <w:rFonts w:ascii="Times New Roman" w:hAnsi="Times New Roman" w:cs="Times New Roman"/>
                <w:b/>
                <w:sz w:val="24"/>
                <w:szCs w:val="24"/>
              </w:rPr>
              <w:t>Recount a time when you faced a challenge, setback, or failure. How did it affect you, and what did you learn from the experience?</w:t>
            </w:r>
          </w:p>
        </w:tc>
      </w:tr>
      <w:tr w:rsidR="004A2C28" w14:paraId="2DF08F5A" w14:textId="77777777" w:rsidTr="00B50C63">
        <w:tc>
          <w:tcPr>
            <w:tcW w:w="10800" w:type="dxa"/>
          </w:tcPr>
          <w:p w14:paraId="0FF0C29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265524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4113AB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40653A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1C4DB7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824CA0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66798A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F573EC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10FBCC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3CA9E9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F3422A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E2292A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F5FC6E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85DC63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08AC87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73A0AF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8C3C8B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9F7577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0E435C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  <w:tr w:rsidR="004A2C28" w14:paraId="39235BDB" w14:textId="77777777" w:rsidTr="00787278">
        <w:tc>
          <w:tcPr>
            <w:tcW w:w="10800" w:type="dxa"/>
          </w:tcPr>
          <w:p w14:paraId="00B84B09" w14:textId="77777777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t>4.  To what extent will the stipend associated with the fellowship assist you and your family in meeting your academic or personal goals?</w:t>
            </w:r>
          </w:p>
        </w:tc>
      </w:tr>
      <w:tr w:rsidR="004A2C28" w14:paraId="069F927E" w14:textId="77777777" w:rsidTr="00787278">
        <w:tc>
          <w:tcPr>
            <w:tcW w:w="10800" w:type="dxa"/>
          </w:tcPr>
          <w:p w14:paraId="1C87B44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D1B02C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047162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229283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FF978B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099B69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3FD8C4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0FC459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906364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E5D10C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3591A4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C51DEE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BE1E85E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49C0F87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20C7C6B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40DEE90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585CE0C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93E83FE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E5A74C0" w14:textId="77777777" w:rsidR="00D6057F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F3DBC8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E7715A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987B7B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  <w:tr w:rsidR="004A2C28" w14:paraId="679A4378" w14:textId="77777777" w:rsidTr="00787278">
        <w:tc>
          <w:tcPr>
            <w:tcW w:w="10800" w:type="dxa"/>
          </w:tcPr>
          <w:p w14:paraId="32C3A94A" w14:textId="77777777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lastRenderedPageBreak/>
              <w:t>5.  ESSAY QUESTION (500 words or less)</w:t>
            </w:r>
          </w:p>
          <w:p w14:paraId="17425A98" w14:textId="7C0DCC41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D6057F">
              <w:rPr>
                <w:rFonts w:ascii="Times New Roman" w:hAnsi="Times New Roman" w:cs="Times New Roman"/>
                <w:b/>
                <w:sz w:val="24"/>
                <w:szCs w:val="24"/>
              </w:rPr>
              <w:t>Describe a topic, idea, or concept you find so engaging that it makes you lose all track of time. Why does it captivate you?</w:t>
            </w:r>
          </w:p>
        </w:tc>
      </w:tr>
      <w:tr w:rsidR="004A2C28" w14:paraId="35E373D5" w14:textId="77777777" w:rsidTr="00787278">
        <w:tc>
          <w:tcPr>
            <w:tcW w:w="10800" w:type="dxa"/>
          </w:tcPr>
          <w:p w14:paraId="241B530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74CCD6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87068B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B6E2A3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C55815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750349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AFE1EA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1E9F2E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718A83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7F9279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C70599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D28F2B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6F4CED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8B0F9E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86F27C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B55942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D2138A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E86C65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372E9F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A87839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BCF713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036805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5E6D9D6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43F91C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5C756A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B533D3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35F97C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54EADB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66B526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E45C643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5D3C7B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8A0927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320A04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5B26A1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89DA09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226BAB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2D4D91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A9A0BF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2C92EA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B0FEAE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CB2794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</w:tbl>
    <w:p w14:paraId="71DF8074" w14:textId="77777777" w:rsidR="00D6057F" w:rsidRPr="00787278" w:rsidRDefault="006E4035" w:rsidP="00787278">
      <w:pPr>
        <w:spacing w:after="0" w:line="240" w:lineRule="auto"/>
        <w:rPr>
          <w:rFonts w:ascii="Times New Roman" w:hAnsi="Times New Roman" w:cs="Times New Roman"/>
          <w:b/>
          <w:sz w:val="24"/>
          <w:szCs w:val="24"/>
        </w:rPr>
      </w:pPr>
      <w:r w:rsidRPr="00787278">
        <w:rPr>
          <w:rFonts w:ascii="Times New Roman" w:hAnsi="Times New Roman" w:cs="Times New Roman"/>
          <w:b/>
          <w:sz w:val="24"/>
          <w:szCs w:val="24"/>
        </w:rPr>
        <w:tab/>
      </w:r>
      <w:r w:rsidRPr="00787278">
        <w:rPr>
          <w:rFonts w:ascii="Times New Roman" w:hAnsi="Times New Roman" w:cs="Times New Roman"/>
          <w:b/>
          <w:sz w:val="24"/>
          <w:szCs w:val="24"/>
        </w:rPr>
        <w:tab/>
      </w:r>
    </w:p>
    <w:tbl>
      <w:tblPr>
        <w:tblStyle w:val="TableGrid"/>
        <w:tblW w:w="10800" w:type="dxa"/>
        <w:tblInd w:w="108" w:type="dxa"/>
        <w:tblLook w:val="04A0" w:firstRow="1" w:lastRow="0" w:firstColumn="1" w:lastColumn="0" w:noHBand="0" w:noVBand="1"/>
      </w:tblPr>
      <w:tblGrid>
        <w:gridCol w:w="10800"/>
      </w:tblGrid>
      <w:tr w:rsidR="004A2C28" w14:paraId="5D780C15" w14:textId="77777777" w:rsidTr="00787278">
        <w:tc>
          <w:tcPr>
            <w:tcW w:w="10800" w:type="dxa"/>
          </w:tcPr>
          <w:p w14:paraId="264FC652" w14:textId="77777777" w:rsidR="00D6057F" w:rsidRPr="00787278" w:rsidRDefault="006E4035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  <w:r w:rsidRPr="00787278">
              <w:rPr>
                <w:rFonts w:ascii="Times New Roman" w:hAnsi="Times New Roman" w:cs="Times New Roman"/>
                <w:b/>
                <w:sz w:val="24"/>
                <w:szCs w:val="24"/>
              </w:rPr>
              <w:lastRenderedPageBreak/>
              <w:t>ESSAY (page two)</w:t>
            </w:r>
          </w:p>
        </w:tc>
      </w:tr>
      <w:tr w:rsidR="004A2C28" w14:paraId="438A84E3" w14:textId="77777777" w:rsidTr="00787278">
        <w:tc>
          <w:tcPr>
            <w:tcW w:w="10800" w:type="dxa"/>
          </w:tcPr>
          <w:p w14:paraId="617468B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9E2A56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6EF2CB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09438D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1552BF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B85058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932524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A8C511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410397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D79A76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F1903F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DB944B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78DE63E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9C6901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193C69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D3538DC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DD332C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A4EE01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EF6D0B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DB266A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0182062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89F06A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7CFE1B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D13A3F8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5861D3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51A87D7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5DA0EE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97BB9C5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A92975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4C44669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8CDFC4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153998A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0F361F0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2A4FEAA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6E94C6D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4F25C9F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7C0DBF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3CC2B20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43370CF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147B81A1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6128BB74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72AC334B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  <w:p w14:paraId="5338C280" w14:textId="77777777" w:rsidR="00D6057F" w:rsidRPr="00787278" w:rsidRDefault="00D6057F" w:rsidP="00787278">
            <w:pPr>
              <w:rPr>
                <w:rFonts w:ascii="Times New Roman" w:hAnsi="Times New Roman" w:cs="Times New Roman"/>
                <w:b/>
                <w:sz w:val="24"/>
                <w:szCs w:val="24"/>
              </w:rPr>
            </w:pPr>
          </w:p>
        </w:tc>
      </w:tr>
    </w:tbl>
    <w:p w14:paraId="3418D0E2" w14:textId="77777777" w:rsidR="00D6057F" w:rsidRPr="00787278" w:rsidRDefault="00D6057F" w:rsidP="00787278">
      <w:pPr>
        <w:spacing w:after="0" w:line="240" w:lineRule="auto"/>
        <w:rPr>
          <w:rFonts w:ascii="Times New Roman" w:hAnsi="Times New Roman" w:cs="Times New Roman"/>
          <w:b/>
          <w:sz w:val="24"/>
          <w:szCs w:val="24"/>
        </w:rPr>
      </w:pPr>
    </w:p>
    <w:sectPr w:rsidR="00D6057F" w:rsidRPr="00787278" w:rsidSect="00150DB1">
      <w:pgSz w:w="12240" w:h="15840"/>
      <w:pgMar w:top="1380" w:right="1220" w:bottom="1920" w:left="720" w:header="720" w:footer="720" w:gutter="0"/>
      <w:cols w:space="720"/>
      <w:docGrid w:linePitch="299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86BBAED" w14:textId="77777777" w:rsidR="00DF2E58" w:rsidRDefault="00DF2E58">
      <w:pPr>
        <w:spacing w:after="0" w:line="240" w:lineRule="auto"/>
      </w:pPr>
      <w:r>
        <w:separator/>
      </w:r>
    </w:p>
  </w:endnote>
  <w:endnote w:type="continuationSeparator" w:id="0">
    <w:p w14:paraId="752F9394" w14:textId="77777777" w:rsidR="00DF2E58" w:rsidRDefault="00DF2E58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42E237A" w14:textId="77777777" w:rsidR="00D6057F" w:rsidRDefault="00D6057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4E44C9" w14:textId="77777777" w:rsidR="00D6057F" w:rsidRDefault="006E4035" w:rsidP="001819E0">
    <w:pPr>
      <w:pStyle w:val="Footer"/>
    </w:pPr>
    <w:r>
      <w:fldChar w:fldCharType="begin"/>
    </w:r>
    <w:r>
      <w:instrText xml:space="preserve"> DOCPROPERTY "SWDocID"  \* MERGEFORMAT </w:instrTex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52F2535" w14:textId="77777777" w:rsidR="00D6057F" w:rsidRDefault="00D6057F">
    <w:pPr>
      <w:pStyle w:val="Footer"/>
    </w:pP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26CCA3" w14:textId="77777777" w:rsidR="00D6057F" w:rsidRPr="00374B4A" w:rsidRDefault="006E4035" w:rsidP="00374B4A">
    <w:pPr>
      <w:spacing w:after="0" w:line="200" w:lineRule="exact"/>
      <w:jc w:val="center"/>
      <w:rPr>
        <w:noProof/>
        <w:sz w:val="24"/>
        <w:szCs w:val="24"/>
      </w:rPr>
    </w:pPr>
    <w:r w:rsidRPr="00374B4A">
      <w:rPr>
        <w:sz w:val="24"/>
        <w:szCs w:val="24"/>
      </w:rPr>
      <w:fldChar w:fldCharType="begin"/>
    </w:r>
    <w:r w:rsidRPr="00374B4A">
      <w:rPr>
        <w:sz w:val="24"/>
        <w:szCs w:val="24"/>
      </w:rPr>
      <w:instrText xml:space="preserve"> PAGE   \* MERGEFORMAT </w:instrText>
    </w:r>
    <w:r w:rsidRPr="00374B4A">
      <w:rPr>
        <w:sz w:val="24"/>
        <w:szCs w:val="24"/>
      </w:rPr>
      <w:fldChar w:fldCharType="separate"/>
    </w:r>
    <w:r w:rsidR="0061618D">
      <w:rPr>
        <w:noProof/>
        <w:sz w:val="24"/>
        <w:szCs w:val="24"/>
      </w:rPr>
      <w:t>5</w:t>
    </w:r>
    <w:r w:rsidRPr="00374B4A">
      <w:rPr>
        <w:noProof/>
        <w:sz w:val="24"/>
        <w:szCs w:val="24"/>
      </w:rPr>
      <w:fldChar w:fldCharType="end"/>
    </w:r>
  </w:p>
  <w:p w14:paraId="18854E87" w14:textId="77777777" w:rsidR="00D6057F" w:rsidRDefault="006E4035" w:rsidP="001819E0">
    <w:pPr>
      <w:spacing w:after="0" w:line="200" w:lineRule="exact"/>
      <w:rPr>
        <w:sz w:val="20"/>
        <w:szCs w:val="20"/>
      </w:rPr>
    </w:pPr>
    <w:r>
      <w:rPr>
        <w:noProof/>
      </w:rPr>
      <mc:AlternateContent>
        <mc:Choice Requires="wps">
          <w:drawing>
            <wp:anchor distT="0" distB="0" distL="114300" distR="114300" simplePos="0" relativeHeight="251658240" behindDoc="1" locked="0" layoutInCell="1" allowOverlap="1" wp14:anchorId="4B074351" wp14:editId="70AE4C05">
              <wp:simplePos x="0" y="0"/>
              <wp:positionH relativeFrom="page">
                <wp:posOffset>3559810</wp:posOffset>
              </wp:positionH>
              <wp:positionV relativeFrom="page">
                <wp:posOffset>8818245</wp:posOffset>
              </wp:positionV>
              <wp:extent cx="651510" cy="165100"/>
              <wp:effectExtent l="0" t="0" r="0" b="0"/>
              <wp:wrapNone/>
              <wp:docPr id="1" name="Text Box 1025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651510" cy="16510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69A75499" w14:textId="77777777" w:rsidR="00D6057F" w:rsidRDefault="00D6057F">
                          <w:pPr>
                            <w:spacing w:after="0" w:line="244" w:lineRule="exact"/>
                            <w:ind w:left="20" w:right="-53"/>
                            <w:rPr>
                              <w:rFonts w:ascii="Calibri" w:eastAsia="Calibri" w:hAnsi="Calibri" w:cs="Calibri"/>
                            </w:rPr>
                          </w:pPr>
                        </w:p>
                      </w:txbxContent>
                    </wps:txbx>
                    <wps:bodyPr rot="0" vert="horz" wrap="square" lIns="0" tIns="0" rIns="0" bIns="0" anchor="t" anchorCtr="0" upright="1"/>
                  </wps:wsp>
                </a:graphicData>
              </a:graphic>
            </wp:anchor>
          </w:drawing>
        </mc:Choice>
        <mc:Fallback>
          <w:pict>
            <v:shapetype w14:anchorId="4B074351" id="_x0000_t202" coordsize="21600,21600" o:spt="202" path="m,l,21600r21600,l21600,xe">
              <v:stroke joinstyle="miter"/>
              <v:path gradientshapeok="t" o:connecttype="rect"/>
            </v:shapetype>
            <v:shape id="Text Box 1025" o:spid="_x0000_s1026" type="#_x0000_t202" style="position:absolute;margin-left:280.3pt;margin-top:694.35pt;width:51.3pt;height:13pt;z-index:-251658240;visibility:visible;mso-wrap-style:square;mso-wrap-distance-left:9pt;mso-wrap-distance-top:0;mso-wrap-distance-right:9pt;mso-wrap-distance-bottom:0;mso-position-horizontal:absolute;mso-position-horizontal-relative:page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" filled="f" stroked="f">
              <v:textbox inset="0,0,0,0">
                <w:txbxContent>
                  <w:p w14:paraId="69A75499" w14:textId="77777777" w:rsidR="00D6057F" w:rsidRDefault="00D6057F">
                    <w:pPr>
                      <w:spacing w:after="0" w:line="244" w:lineRule="exact"/>
                      <w:ind w:left="20" w:right="-53"/>
                      <w:rPr>
                        <w:rFonts w:ascii="Calibri" w:eastAsia="Calibri" w:hAnsi="Calibri" w:cs="Calibri"/>
                      </w:rPr>
                    </w:pPr>
                  </w:p>
                </w:txbxContent>
              </v:textbox>
              <w10:wrap anchorx="page" anchory="page"/>
            </v:shape>
          </w:pict>
        </mc:Fallback>
      </mc:AlternateContent>
    </w:r>
    <w:r>
      <w:rPr>
        <w:sz w:val="20"/>
        <w:szCs w:val="20"/>
      </w:rPr>
      <w:fldChar w:fldCharType="begin"/>
    </w:r>
    <w:r>
      <w:rPr>
        <w:sz w:val="20"/>
        <w:szCs w:val="20"/>
      </w:rPr>
      <w:instrText xml:space="preserve"> DOCPROPERTY "SWDocID"  \* MERGEFORMAT </w:instrText>
    </w:r>
    <w:r>
      <w:rPr>
        <w:sz w:val="20"/>
        <w:szCs w:val="20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2502A0A0" w14:textId="77777777" w:rsidR="00DF2E58" w:rsidRDefault="00DF2E58">
      <w:pPr>
        <w:spacing w:after="0" w:line="240" w:lineRule="auto"/>
      </w:pPr>
      <w:r>
        <w:separator/>
      </w:r>
    </w:p>
  </w:footnote>
  <w:footnote w:type="continuationSeparator" w:id="0">
    <w:p w14:paraId="4D64C44A" w14:textId="77777777" w:rsidR="00DF2E58" w:rsidRDefault="00DF2E58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1F1FBB7" w14:textId="77777777" w:rsidR="00D6057F" w:rsidRDefault="00D6057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1440C50" w14:textId="77777777" w:rsidR="00D6057F" w:rsidRDefault="00D6057F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AE269DC" w14:textId="77777777" w:rsidR="00D6057F" w:rsidRDefault="00D6057F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removePersonalInformation/>
  <w:doNotDisplayPageBoundaries/>
  <w:proofState w:spelling="clean" w:grammar="clean"/>
  <w:defaultTabStop w:val="720"/>
  <w:drawingGridHorizontalSpacing w:val="110"/>
  <w:displayHorizont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4A2C28"/>
    <w:rsid w:val="00007933"/>
    <w:rsid w:val="00041A49"/>
    <w:rsid w:val="000D497A"/>
    <w:rsid w:val="00123A97"/>
    <w:rsid w:val="002B1EBB"/>
    <w:rsid w:val="00332541"/>
    <w:rsid w:val="00496292"/>
    <w:rsid w:val="004A2C28"/>
    <w:rsid w:val="00584A83"/>
    <w:rsid w:val="0061618D"/>
    <w:rsid w:val="006958CF"/>
    <w:rsid w:val="006E4035"/>
    <w:rsid w:val="007537EB"/>
    <w:rsid w:val="007A004A"/>
    <w:rsid w:val="007F600B"/>
    <w:rsid w:val="009866EF"/>
    <w:rsid w:val="009D0ACA"/>
    <w:rsid w:val="009E2258"/>
    <w:rsid w:val="00AC61EE"/>
    <w:rsid w:val="00C57DA4"/>
    <w:rsid w:val="00C94B73"/>
    <w:rsid w:val="00CA6B90"/>
    <w:rsid w:val="00D342EB"/>
    <w:rsid w:val="00D6057F"/>
    <w:rsid w:val="00DE1489"/>
    <w:rsid w:val="00DF2E58"/>
    <w:rsid w:val="00E25B8A"/>
    <w:rsid w:val="00F326B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2E92854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 w:qFormat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iPriority="0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23102B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Hyperlink">
    <w:name w:val="Hyperlink"/>
    <w:basedOn w:val="DefaultParagraphFont"/>
    <w:uiPriority w:val="99"/>
    <w:unhideWhenUsed/>
    <w:rsid w:val="00A444A9"/>
    <w:rPr>
      <w:color w:val="0000FF" w:themeColor="hyperlink"/>
      <w:u w:val="single"/>
    </w:rPr>
  </w:style>
  <w:style w:type="paragraph" w:styleId="Header">
    <w:name w:val="header"/>
    <w:basedOn w:val="Normal"/>
    <w:link w:val="HeaderChar"/>
    <w:uiPriority w:val="99"/>
    <w:unhideWhenUsed/>
    <w:rsid w:val="00BE752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BE7522"/>
  </w:style>
  <w:style w:type="paragraph" w:styleId="Footer">
    <w:name w:val="footer"/>
    <w:basedOn w:val="Normal"/>
    <w:link w:val="FooterChar"/>
    <w:uiPriority w:val="99"/>
    <w:unhideWhenUsed/>
    <w:rsid w:val="00BE752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BE7522"/>
  </w:style>
  <w:style w:type="table" w:styleId="TableGrid">
    <w:name w:val="Table Grid"/>
    <w:basedOn w:val="TableNormal"/>
    <w:uiPriority w:val="59"/>
    <w:rsid w:val="00DB38C7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BT">
    <w:name w:val="*BT"/>
    <w:aliases w:val="bt"/>
    <w:basedOn w:val="Normal"/>
    <w:qFormat/>
    <w:rsid w:val="002933FF"/>
    <w:pPr>
      <w:widowControl/>
      <w:spacing w:after="24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2">
    <w:name w:val="*BT2"/>
    <w:aliases w:val="bt2"/>
    <w:basedOn w:val="Normal"/>
    <w:qFormat/>
    <w:rsid w:val="002933FF"/>
    <w:pPr>
      <w:widowControl/>
      <w:spacing w:after="240" w:line="480" w:lineRule="auto"/>
      <w:contextualSpacing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FirstInd">
    <w:name w:val="*BTFirstInd"/>
    <w:aliases w:val="i1"/>
    <w:basedOn w:val="Normal"/>
    <w:qFormat/>
    <w:rsid w:val="002933FF"/>
    <w:pPr>
      <w:widowControl/>
      <w:spacing w:after="240" w:line="24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FirstIndJ">
    <w:name w:val="*BTFirstIndJ"/>
    <w:aliases w:val="i1j"/>
    <w:basedOn w:val="Normal"/>
    <w:qFormat/>
    <w:rsid w:val="002933FF"/>
    <w:pPr>
      <w:widowControl/>
      <w:spacing w:after="240" w:line="240" w:lineRule="auto"/>
      <w:ind w:firstLine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Ind2">
    <w:name w:val="*BTInd2"/>
    <w:aliases w:val="i2"/>
    <w:basedOn w:val="Normal"/>
    <w:qFormat/>
    <w:rsid w:val="002933FF"/>
    <w:pPr>
      <w:widowControl/>
      <w:spacing w:after="0"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Ind2J">
    <w:name w:val="*BTInd2J"/>
    <w:aliases w:val="i2j"/>
    <w:basedOn w:val="Normal"/>
    <w:qFormat/>
    <w:rsid w:val="002933FF"/>
    <w:pPr>
      <w:widowControl/>
      <w:spacing w:after="0" w:line="480" w:lineRule="auto"/>
      <w:ind w:firstLine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Ind5">
    <w:name w:val="*BTInd5"/>
    <w:aliases w:val="i5"/>
    <w:basedOn w:val="Normal"/>
    <w:next w:val="BTFirstInd"/>
    <w:qFormat/>
    <w:rsid w:val="002933FF"/>
    <w:pPr>
      <w:widowControl/>
      <w:spacing w:after="0" w:line="36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Ind5J">
    <w:name w:val="*BTInd5J"/>
    <w:aliases w:val="i5j"/>
    <w:basedOn w:val="Normal"/>
    <w:qFormat/>
    <w:rsid w:val="002933FF"/>
    <w:pPr>
      <w:widowControl/>
      <w:spacing w:after="0" w:line="360" w:lineRule="auto"/>
      <w:ind w:firstLine="720"/>
      <w:jc w:val="both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TLtr">
    <w:name w:val="*BTLtr"/>
    <w:aliases w:val="ltr"/>
    <w:basedOn w:val="Normal"/>
    <w:rsid w:val="002933FF"/>
    <w:pPr>
      <w:widowControl/>
      <w:spacing w:after="240" w:line="240" w:lineRule="auto"/>
      <w:ind w:firstLine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By">
    <w:name w:val="*By"/>
    <w:aliases w:val="by"/>
    <w:basedOn w:val="Normal"/>
    <w:qFormat/>
    <w:rsid w:val="002933FF"/>
    <w:pPr>
      <w:widowControl/>
      <w:tabs>
        <w:tab w:val="right" w:leader="underscore" w:pos="9360"/>
      </w:tabs>
      <w:spacing w:after="0" w:line="240" w:lineRule="auto"/>
      <w:ind w:left="50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FooterLand">
    <w:name w:val="*FooterLand"/>
    <w:aliases w:val="fl"/>
    <w:basedOn w:val="Footer"/>
    <w:qFormat/>
    <w:rsid w:val="002933FF"/>
    <w:pPr>
      <w:widowControl/>
      <w:tabs>
        <w:tab w:val="center" w:pos="6480"/>
        <w:tab w:val="right" w:pos="12960"/>
      </w:tabs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IndBlockQuote">
    <w:name w:val="*IndBlockQuote"/>
    <w:aliases w:val="ibq"/>
    <w:basedOn w:val="Normal"/>
    <w:qFormat/>
    <w:rsid w:val="002933FF"/>
    <w:pPr>
      <w:widowControl/>
      <w:spacing w:after="240" w:line="240" w:lineRule="auto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IndBlockText">
    <w:name w:val="*IndBlockText"/>
    <w:aliases w:val="ibt"/>
    <w:basedOn w:val="Normal"/>
    <w:qFormat/>
    <w:rsid w:val="002933FF"/>
    <w:pPr>
      <w:widowControl/>
      <w:spacing w:after="240" w:line="240" w:lineRule="auto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Sig">
    <w:name w:val="*Sig"/>
    <w:aliases w:val="sig"/>
    <w:basedOn w:val="Normal"/>
    <w:qFormat/>
    <w:rsid w:val="002933FF"/>
    <w:pPr>
      <w:widowControl/>
      <w:spacing w:after="0" w:line="240" w:lineRule="auto"/>
      <w:ind w:left="50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itleCntr">
    <w:name w:val="*TitleCntr"/>
    <w:aliases w:val="tc"/>
    <w:basedOn w:val="Normal"/>
    <w:qFormat/>
    <w:rsid w:val="002933FF"/>
    <w:pPr>
      <w:widowControl/>
      <w:spacing w:after="360" w:line="240" w:lineRule="auto"/>
      <w:jc w:val="center"/>
    </w:pPr>
    <w:rPr>
      <w:rFonts w:ascii="Times New Roman" w:eastAsia="Times New Roman" w:hAnsi="Times New Roman" w:cs="Times New Roman"/>
      <w:b/>
      <w:caps/>
      <w:sz w:val="24"/>
      <w:szCs w:val="24"/>
    </w:rPr>
  </w:style>
  <w:style w:type="paragraph" w:customStyle="1" w:styleId="TitleCntrU">
    <w:name w:val="*TitleCntrU"/>
    <w:aliases w:val="tcu"/>
    <w:basedOn w:val="Normal"/>
    <w:qFormat/>
    <w:rsid w:val="002933FF"/>
    <w:pPr>
      <w:widowControl/>
      <w:spacing w:after="360" w:line="240" w:lineRule="auto"/>
      <w:jc w:val="center"/>
    </w:pPr>
    <w:rPr>
      <w:rFonts w:ascii="Times New Roman" w:eastAsia="Times New Roman" w:hAnsi="Times New Roman" w:cs="Times New Roman"/>
      <w:b/>
      <w:caps/>
      <w:sz w:val="24"/>
      <w:szCs w:val="24"/>
      <w:u w:val="single"/>
    </w:rPr>
  </w:style>
  <w:style w:type="paragraph" w:customStyle="1" w:styleId="TitleCntrUNoCaps">
    <w:name w:val="*TitleCntrUNoCaps"/>
    <w:aliases w:val="tcun"/>
    <w:basedOn w:val="Normal"/>
    <w:qFormat/>
    <w:rsid w:val="002933FF"/>
    <w:pPr>
      <w:widowControl/>
      <w:spacing w:after="360" w:line="240" w:lineRule="auto"/>
      <w:jc w:val="center"/>
    </w:pPr>
    <w:rPr>
      <w:rFonts w:ascii="Times New Roman" w:eastAsia="Times New Roman" w:hAnsi="Times New Roman" w:cs="Times New Roman"/>
      <w:b/>
      <w:sz w:val="24"/>
      <w:szCs w:val="24"/>
      <w:u w:val="single"/>
    </w:rPr>
  </w:style>
  <w:style w:type="paragraph" w:customStyle="1" w:styleId="TitleLeft">
    <w:name w:val="*TitleLeft"/>
    <w:aliases w:val="tl"/>
    <w:basedOn w:val="Normal"/>
    <w:qFormat/>
    <w:rsid w:val="002933FF"/>
    <w:pPr>
      <w:widowControl/>
      <w:spacing w:after="360" w:line="240" w:lineRule="auto"/>
    </w:pPr>
    <w:rPr>
      <w:rFonts w:ascii="Times New Roman" w:eastAsia="Times New Roman" w:hAnsi="Times New Roman" w:cs="Times New Roman"/>
      <w:b/>
      <w:caps/>
      <w:sz w:val="24"/>
      <w:szCs w:val="24"/>
    </w:rPr>
  </w:style>
  <w:style w:type="paragraph" w:customStyle="1" w:styleId="TitleLeftNoCaps">
    <w:name w:val="*TitleLeftNoCaps"/>
    <w:aliases w:val="tln"/>
    <w:basedOn w:val="Normal"/>
    <w:qFormat/>
    <w:rsid w:val="002933FF"/>
    <w:pPr>
      <w:widowControl/>
      <w:spacing w:after="360" w:line="240" w:lineRule="auto"/>
    </w:pPr>
    <w:rPr>
      <w:rFonts w:ascii="Times New Roman" w:eastAsia="Times New Roman" w:hAnsi="Times New Roman" w:cs="Times New Roman"/>
      <w:b/>
      <w:sz w:val="24"/>
      <w:szCs w:val="24"/>
    </w:rPr>
  </w:style>
  <w:style w:type="paragraph" w:styleId="FootnoteText">
    <w:name w:val="footnote text"/>
    <w:basedOn w:val="Normal"/>
    <w:link w:val="FootnoteTextChar"/>
    <w:qFormat/>
    <w:rsid w:val="002933FF"/>
    <w:pPr>
      <w:widowControl/>
      <w:spacing w:after="0" w:line="240" w:lineRule="auto"/>
      <w:ind w:firstLine="720"/>
    </w:pPr>
    <w:rPr>
      <w:rFonts w:ascii="Times New Roman" w:eastAsia="Times New Roman" w:hAnsi="Times New Roman" w:cs="Times New Roman"/>
      <w:sz w:val="24"/>
      <w:szCs w:val="20"/>
    </w:rPr>
  </w:style>
  <w:style w:type="character" w:customStyle="1" w:styleId="FootnoteTextChar">
    <w:name w:val="Footnote Text Char"/>
    <w:basedOn w:val="DefaultParagraphFont"/>
    <w:link w:val="FootnoteText"/>
    <w:rsid w:val="002933FF"/>
    <w:rPr>
      <w:rFonts w:ascii="Times New Roman" w:eastAsia="Times New Roman" w:hAnsi="Times New Roman" w:cs="Times New Roman"/>
      <w:sz w:val="24"/>
      <w:szCs w:val="20"/>
    </w:rPr>
  </w:style>
  <w:style w:type="paragraph" w:styleId="Salutation">
    <w:name w:val="Salutation"/>
    <w:basedOn w:val="Normal"/>
    <w:next w:val="Normal"/>
    <w:link w:val="SalutationChar"/>
    <w:rsid w:val="002933FF"/>
    <w:pPr>
      <w:widowControl/>
      <w:spacing w:after="24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customStyle="1" w:styleId="SalutationChar">
    <w:name w:val="Salutation Char"/>
    <w:basedOn w:val="DefaultParagraphFont"/>
    <w:link w:val="Salutation"/>
    <w:rsid w:val="002933FF"/>
    <w:rPr>
      <w:rFonts w:ascii="Times New Roman" w:eastAsia="Times New Roman" w:hAnsi="Times New Roman" w:cs="Times New Roman"/>
      <w:sz w:val="24"/>
      <w:szCs w:val="24"/>
    </w:rPr>
  </w:style>
  <w:style w:type="paragraph" w:customStyle="1" w:styleId="Re">
    <w:name w:val="Re"/>
    <w:basedOn w:val="Normal"/>
    <w:rsid w:val="002933FF"/>
    <w:pPr>
      <w:widowControl/>
      <w:spacing w:before="480" w:after="240" w:line="240" w:lineRule="auto"/>
      <w:ind w:left="2160" w:hanging="720"/>
    </w:pPr>
    <w:rPr>
      <w:rFonts w:ascii="Times New Roman" w:eastAsia="Times New Roman" w:hAnsi="Times New Roman" w:cs="Times New Roman"/>
      <w:sz w:val="24"/>
      <w:szCs w:val="24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B51A79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51A79"/>
    <w:rPr>
      <w:rFonts w:ascii="Tahoma" w:hAnsi="Tahoma" w:cs="Tahoma"/>
      <w:sz w:val="16"/>
      <w:szCs w:val="16"/>
    </w:rPr>
  </w:style>
  <w:style w:type="paragraph" w:styleId="Revision">
    <w:name w:val="Revision"/>
    <w:hidden/>
    <w:uiPriority w:val="99"/>
    <w:semiHidden/>
    <w:rsid w:val="009E2258"/>
    <w:pPr>
      <w:widowControl/>
      <w:spacing w:after="0" w:line="240" w:lineRule="auto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fontTable" Target="fontTable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oter" Target="footer4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6</Pages>
  <Words>669</Words>
  <Characters>3815</Characters>
  <Application>Microsoft Office Word</Application>
  <DocSecurity>0</DocSecurity>
  <Lines>31</Lines>
  <Paragraphs>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47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5-12-08T14:29:00Z</dcterms:created>
  <dcterms:modified xsi:type="dcterms:W3CDTF">2025-12-08T14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</Properties>
</file>